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defaultThemeVersion="153222"/>
  <mc:AlternateContent xmlns:mc="http://schemas.openxmlformats.org/markup-compatibility/2006">
    <mc:Choice Requires="x15">
      <x15ac:absPath xmlns:x15ac="http://schemas.microsoft.com/office/spreadsheetml/2010/11/ac" url="\\ivpf201v.takamatsu.local\Profile\s7587\Desktop\"/>
    </mc:Choice>
  </mc:AlternateContent>
  <bookViews>
    <workbookView xWindow="0" yWindow="0" windowWidth="23040" windowHeight="9096" firstSheet="4" activeTab="4"/>
  </bookViews>
  <sheets>
    <sheet name="2月分(決裁用)  " sheetId="55" state="hidden" r:id="rId1"/>
    <sheet name="年間 (野菜豆腐類)" sheetId="57" r:id="rId2"/>
    <sheet name="年間（決裁) " sheetId="56" r:id="rId3"/>
    <sheet name="４月分(決裁用) " sheetId="58" r:id="rId4"/>
    <sheet name="5～9月アレルゲン" sheetId="59" r:id="rId5"/>
  </sheets>
  <definedNames>
    <definedName name="_xlnm._FilterDatabase" localSheetId="4" hidden="1">'5～9月アレルゲン'!$D$1:$AF$119</definedName>
    <definedName name="_xlnm.Print_Area" localSheetId="0">'2月分(決裁用)  '!$A$1:$H$126</definedName>
    <definedName name="_xlnm.Print_Area" localSheetId="3">'４月分(決裁用) '!$A$1:$H$164</definedName>
    <definedName name="_xlnm.Print_Area" localSheetId="4">'5～9月アレルゲン'!$A$1:$AG$55</definedName>
    <definedName name="_xlnm.Print_Area" localSheetId="1">'年間 (野菜豆腐類)'!$A$1:$H$24</definedName>
    <definedName name="_xlnm.Print_Area" localSheetId="2">'年間（決裁) '!$A$1:$G$114</definedName>
    <definedName name="_xlnm.Print_Titles" localSheetId="0">'2月分(決裁用)  '!$2:$2</definedName>
    <definedName name="_xlnm.Print_Titles" localSheetId="3">'４月分(決裁用) '!$2:$2</definedName>
    <definedName name="_xlnm.Print_Titles" localSheetId="4">'5～9月アレルゲン'!$1:$3</definedName>
    <definedName name="_xlnm.Print_Titles" localSheetId="2">'年間（決裁) '!$1:$2</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710" uniqueCount="1041">
  <si>
    <t>業者名</t>
    <rPh sb="0" eb="2">
      <t>ギョウシャ</t>
    </rPh>
    <rPh sb="2" eb="3">
      <t>メイ</t>
    </rPh>
    <phoneticPr fontId="3"/>
  </si>
  <si>
    <t>物資名</t>
    <rPh sb="0" eb="2">
      <t>ブッシ</t>
    </rPh>
    <rPh sb="2" eb="3">
      <t>メイ</t>
    </rPh>
    <phoneticPr fontId="3"/>
  </si>
  <si>
    <t>銘柄</t>
    <rPh sb="0" eb="2">
      <t>メイガラ</t>
    </rPh>
    <phoneticPr fontId="3"/>
  </si>
  <si>
    <t>産地</t>
    <rPh sb="0" eb="2">
      <t>サンチ</t>
    </rPh>
    <phoneticPr fontId="3"/>
  </si>
  <si>
    <t>規格</t>
    <rPh sb="0" eb="2">
      <t>キカク</t>
    </rPh>
    <phoneticPr fontId="3"/>
  </si>
  <si>
    <t>単位</t>
    <rPh sb="0" eb="2">
      <t>タンイ</t>
    </rPh>
    <phoneticPr fontId="3"/>
  </si>
  <si>
    <t>豚赤肉　スライス</t>
    <rPh sb="1" eb="2">
      <t>アカ</t>
    </rPh>
    <phoneticPr fontId="3"/>
  </si>
  <si>
    <t>個</t>
    <rPh sb="0" eb="1">
      <t>コ</t>
    </rPh>
    <phoneticPr fontId="3"/>
  </si>
  <si>
    <t>１ｋｇ袋</t>
    <rPh sb="3" eb="4">
      <t>フクロ</t>
    </rPh>
    <phoneticPr fontId="3"/>
  </si>
  <si>
    <t>卵</t>
  </si>
  <si>
    <t>乳</t>
  </si>
  <si>
    <t>小麦</t>
  </si>
  <si>
    <t>えび</t>
  </si>
  <si>
    <t>かに</t>
  </si>
  <si>
    <t>そば</t>
  </si>
  <si>
    <t>あわび</t>
  </si>
  <si>
    <t>いか</t>
  </si>
  <si>
    <t>いくら</t>
  </si>
  <si>
    <t>オレンジ</t>
  </si>
  <si>
    <t>牛肉</t>
  </si>
  <si>
    <t>くるみ</t>
  </si>
  <si>
    <t>さけ</t>
  </si>
  <si>
    <t>さば</t>
  </si>
  <si>
    <t>大豆</t>
  </si>
  <si>
    <t>鶏肉</t>
  </si>
  <si>
    <t>豚肉</t>
  </si>
  <si>
    <t>まつたけ</t>
  </si>
  <si>
    <t>もも</t>
  </si>
  <si>
    <t>やまいも</t>
  </si>
  <si>
    <t>りんご</t>
  </si>
  <si>
    <t>ゼラチン</t>
  </si>
  <si>
    <t>kg</t>
  </si>
  <si>
    <t>本</t>
  </si>
  <si>
    <t>袋</t>
  </si>
  <si>
    <t>単価</t>
    <rPh sb="0" eb="2">
      <t>タンカ</t>
    </rPh>
    <phoneticPr fontId="3"/>
  </si>
  <si>
    <t>徳島</t>
    <rPh sb="0" eb="2">
      <t>トクシマ</t>
    </rPh>
    <phoneticPr fontId="8"/>
  </si>
  <si>
    <t>日本</t>
    <rPh sb="0" eb="2">
      <t>ニホン</t>
    </rPh>
    <phoneticPr fontId="8"/>
  </si>
  <si>
    <t>中国</t>
    <rPh sb="0" eb="2">
      <t>チュウゴク</t>
    </rPh>
    <phoneticPr fontId="8"/>
  </si>
  <si>
    <t>エスビー食品㈱</t>
    <rPh sb="4" eb="6">
      <t>ショクヒン</t>
    </rPh>
    <phoneticPr fontId="8"/>
  </si>
  <si>
    <t>ハウス食品㈱</t>
    <rPh sb="3" eb="5">
      <t>ショクヒン</t>
    </rPh>
    <phoneticPr fontId="8"/>
  </si>
  <si>
    <t>香川</t>
    <rPh sb="0" eb="2">
      <t>カガワ</t>
    </rPh>
    <phoneticPr fontId="8"/>
  </si>
  <si>
    <t>㈱明治</t>
    <rPh sb="1" eb="3">
      <t>メイジ</t>
    </rPh>
    <phoneticPr fontId="8"/>
  </si>
  <si>
    <t>北海道</t>
    <rPh sb="0" eb="3">
      <t>ホッカイドウ</t>
    </rPh>
    <phoneticPr fontId="8"/>
  </si>
  <si>
    <t>㈱池田商店</t>
    <rPh sb="1" eb="5">
      <t>イケダショウテン</t>
    </rPh>
    <phoneticPr fontId="3"/>
  </si>
  <si>
    <t>日本レトルトフーズ㈱</t>
    <rPh sb="0" eb="2">
      <t>ニホン</t>
    </rPh>
    <phoneticPr fontId="8"/>
  </si>
  <si>
    <t>冷）カリフラワー</t>
    <rPh sb="0" eb="1">
      <t>レイ</t>
    </rPh>
    <phoneticPr fontId="3"/>
  </si>
  <si>
    <t>天狗缶詰㈱</t>
    <rPh sb="0" eb="4">
      <t>テングカンヅメ</t>
    </rPh>
    <phoneticPr fontId="8"/>
  </si>
  <si>
    <t>理研ビタミン㈱</t>
    <rPh sb="0" eb="2">
      <t>リケン</t>
    </rPh>
    <phoneticPr fontId="8"/>
  </si>
  <si>
    <t>でんぷん</t>
  </si>
  <si>
    <t>玉葱　皮むき</t>
  </si>
  <si>
    <t>小豆</t>
  </si>
  <si>
    <t>青のり粉</t>
  </si>
  <si>
    <t>出し昆布</t>
  </si>
  <si>
    <t>削り節　だし用　鯖抜き</t>
  </si>
  <si>
    <t>米粉</t>
  </si>
  <si>
    <t>ごぼう　ささがき　生</t>
  </si>
  <si>
    <t>新たけのこボイルご飯用カット</t>
  </si>
  <si>
    <t>たけのこボイル　ホール</t>
  </si>
  <si>
    <t>スパゲティ（ハーフ）</t>
  </si>
  <si>
    <t>高野豆腐　サイコロ</t>
  </si>
  <si>
    <t>白ごま　炒り</t>
  </si>
  <si>
    <t>切干し大根</t>
  </si>
  <si>
    <t>干し椎茸　スライス</t>
  </si>
  <si>
    <t>刻み昆布（乾）</t>
  </si>
  <si>
    <t>ひじき　乾燥　</t>
  </si>
  <si>
    <t>海藻ミックス　乾燥</t>
  </si>
  <si>
    <t>煮干し　出し用</t>
  </si>
  <si>
    <t>小煮干し</t>
  </si>
  <si>
    <t>もち米</t>
  </si>
  <si>
    <t>麦みそ</t>
  </si>
  <si>
    <t>缶</t>
  </si>
  <si>
    <t>個</t>
  </si>
  <si>
    <t>切</t>
  </si>
  <si>
    <t>kg</t>
    <phoneticPr fontId="3"/>
  </si>
  <si>
    <t>鹿児島　宮崎</t>
    <rPh sb="0" eb="3">
      <t>カゴシマ</t>
    </rPh>
    <rPh sb="4" eb="6">
      <t>ミヤザキ</t>
    </rPh>
    <phoneticPr fontId="8"/>
  </si>
  <si>
    <t>六甲バター㈱</t>
    <rPh sb="0" eb="2">
      <t>ロッコウ</t>
    </rPh>
    <phoneticPr fontId="8"/>
  </si>
  <si>
    <t>キウイ</t>
    <phoneticPr fontId="3"/>
  </si>
  <si>
    <t>黒糖パン</t>
    <rPh sb="0" eb="2">
      <t>コクトウ</t>
    </rPh>
    <phoneticPr fontId="3"/>
  </si>
  <si>
    <t>からし　粉</t>
  </si>
  <si>
    <t>中国　日本</t>
    <rPh sb="0" eb="2">
      <t>チュウゴク</t>
    </rPh>
    <rPh sb="3" eb="5">
      <t>ニホン</t>
    </rPh>
    <phoneticPr fontId="8"/>
  </si>
  <si>
    <t>米粒麦　委託</t>
  </si>
  <si>
    <t>甘みそ</t>
  </si>
  <si>
    <t>中みそ</t>
  </si>
  <si>
    <t>赤みそ</t>
  </si>
  <si>
    <t>冷）おろしにんにく</t>
    <rPh sb="0" eb="1">
      <t>レイ</t>
    </rPh>
    <phoneticPr fontId="3"/>
  </si>
  <si>
    <t>ローリエ</t>
  </si>
  <si>
    <t>エスビー食品㈱</t>
    <rPh sb="4" eb="7">
      <t>ショクヒンカブ</t>
    </rPh>
    <phoneticPr fontId="8"/>
  </si>
  <si>
    <t>枚</t>
  </si>
  <si>
    <t>冷）ひろうす　ミニ　青大豆入り</t>
    <rPh sb="0" eb="1">
      <t>レイ</t>
    </rPh>
    <phoneticPr fontId="3"/>
  </si>
  <si>
    <t>（有）セカイイチ</t>
    <rPh sb="1" eb="2">
      <t>ユウ</t>
    </rPh>
    <phoneticPr fontId="8"/>
  </si>
  <si>
    <t>㈱協和洋行</t>
    <rPh sb="1" eb="3">
      <t>キョウワ</t>
    </rPh>
    <rPh sb="3" eb="5">
      <t>ヨウコウ</t>
    </rPh>
    <phoneticPr fontId="8"/>
  </si>
  <si>
    <t>宮崎　鹿児島</t>
    <rPh sb="0" eb="2">
      <t>ミヤザキ</t>
    </rPh>
    <rPh sb="3" eb="6">
      <t>カゴシマ</t>
    </rPh>
    <phoneticPr fontId="8"/>
  </si>
  <si>
    <t>南米　地中海</t>
    <rPh sb="0" eb="2">
      <t>ナンベイ</t>
    </rPh>
    <rPh sb="3" eb="6">
      <t>チチュウカイ</t>
    </rPh>
    <phoneticPr fontId="8"/>
  </si>
  <si>
    <t>干しわかめ　カット</t>
  </si>
  <si>
    <t>２５０ｇ袋</t>
    <rPh sb="4" eb="5">
      <t>フクロ</t>
    </rPh>
    <phoneticPr fontId="3"/>
  </si>
  <si>
    <t>●</t>
    <phoneticPr fontId="3"/>
  </si>
  <si>
    <t>ホクレン</t>
    <phoneticPr fontId="8"/>
  </si>
  <si>
    <t>アメリカ　カナダ</t>
    <phoneticPr fontId="8"/>
  </si>
  <si>
    <t>５００ｇ袋</t>
    <phoneticPr fontId="3"/>
  </si>
  <si>
    <t>４０ｇ</t>
    <phoneticPr fontId="3"/>
  </si>
  <si>
    <t>５０ｇ</t>
    <phoneticPr fontId="3"/>
  </si>
  <si>
    <t>７０ｇ</t>
    <phoneticPr fontId="3"/>
  </si>
  <si>
    <t>１ｋｇ</t>
    <phoneticPr fontId="3"/>
  </si>
  <si>
    <t>グローフーズ㈱</t>
    <phoneticPr fontId="8"/>
  </si>
  <si>
    <t>５０ｇ×１０切</t>
    <phoneticPr fontId="3"/>
  </si>
  <si>
    <t>７０ｇ×１０切</t>
    <phoneticPr fontId="3"/>
  </si>
  <si>
    <t>３０ｇ</t>
    <phoneticPr fontId="3"/>
  </si>
  <si>
    <t>袋</t>
    <phoneticPr fontId="3"/>
  </si>
  <si>
    <t>１Ｌ</t>
    <phoneticPr fontId="3"/>
  </si>
  <si>
    <t>本</t>
    <phoneticPr fontId="3"/>
  </si>
  <si>
    <t>はごろもフーズ㈱</t>
    <phoneticPr fontId="8"/>
  </si>
  <si>
    <t>アメリカ</t>
    <phoneticPr fontId="8"/>
  </si>
  <si>
    <t>クリームコーン缶詰</t>
    <phoneticPr fontId="3"/>
  </si>
  <si>
    <t>タイ　</t>
    <phoneticPr fontId="8"/>
  </si>
  <si>
    <t>ホールコーン缶詰</t>
    <phoneticPr fontId="3"/>
  </si>
  <si>
    <t>イタリア</t>
    <phoneticPr fontId="8"/>
  </si>
  <si>
    <t>炊き込み赤飯の素</t>
    <phoneticPr fontId="3"/>
  </si>
  <si>
    <t>ホールコーン　袋入り</t>
    <phoneticPr fontId="3"/>
  </si>
  <si>
    <t>まぐろ油漬　レトルト</t>
    <phoneticPr fontId="3"/>
  </si>
  <si>
    <t>うずら卵　レトルト</t>
    <phoneticPr fontId="3"/>
  </si>
  <si>
    <t>味付小魚（個装）</t>
    <phoneticPr fontId="3"/>
  </si>
  <si>
    <t>ひじきのり（個装）</t>
    <phoneticPr fontId="3"/>
  </si>
  <si>
    <t>１０ｇ</t>
    <phoneticPr fontId="3"/>
  </si>
  <si>
    <t>キューピー㈱</t>
    <phoneticPr fontId="8"/>
  </si>
  <si>
    <t>テーブルマーク㈱</t>
    <phoneticPr fontId="8"/>
  </si>
  <si>
    <t>㈱たまも</t>
    <phoneticPr fontId="3"/>
  </si>
  <si>
    <t>ダイスチーズ　角　生食用</t>
    <phoneticPr fontId="3"/>
  </si>
  <si>
    <t>カナダ</t>
    <phoneticPr fontId="8"/>
  </si>
  <si>
    <t>カゴメ㈱</t>
    <phoneticPr fontId="8"/>
  </si>
  <si>
    <t>ねり梅</t>
    <phoneticPr fontId="3"/>
  </si>
  <si>
    <t>アメリカ　カナダ</t>
    <phoneticPr fontId="3"/>
  </si>
  <si>
    <t>赤じそ粉　</t>
    <phoneticPr fontId="3"/>
  </si>
  <si>
    <t>食用油　菜種白絞油　</t>
    <phoneticPr fontId="3"/>
  </si>
  <si>
    <t>砂糖　中双糖　</t>
    <phoneticPr fontId="3"/>
  </si>
  <si>
    <t>ぶどう酒　白　</t>
    <phoneticPr fontId="3"/>
  </si>
  <si>
    <t>ぶどう酒　赤　</t>
    <phoneticPr fontId="3"/>
  </si>
  <si>
    <t>エリンギ　カット　</t>
    <phoneticPr fontId="3"/>
  </si>
  <si>
    <t>ヨーグルト　鉄分強化　</t>
    <phoneticPr fontId="3"/>
  </si>
  <si>
    <t>協)高松食肉共同　受注センター</t>
    <phoneticPr fontId="3"/>
  </si>
  <si>
    <t>赤身90%以上
背脂肪5mm以内　もも</t>
    <phoneticPr fontId="3"/>
  </si>
  <si>
    <t>豚肉　スライス</t>
    <phoneticPr fontId="3"/>
  </si>
  <si>
    <t>赤身80％以上
背脂肪7㎜以内　もも</t>
    <phoneticPr fontId="3"/>
  </si>
  <si>
    <t>㈱山食</t>
    <rPh sb="1" eb="2">
      <t>ヤマ</t>
    </rPh>
    <rPh sb="2" eb="3">
      <t>ショク</t>
    </rPh>
    <phoneticPr fontId="3"/>
  </si>
  <si>
    <t>すだち酢（果汁）</t>
    <phoneticPr fontId="3"/>
  </si>
  <si>
    <t>とんかつソース　</t>
    <phoneticPr fontId="3"/>
  </si>
  <si>
    <t>牛乳　調理用　</t>
    <phoneticPr fontId="3"/>
  </si>
  <si>
    <t>１５０ｇ</t>
    <phoneticPr fontId="3"/>
  </si>
  <si>
    <t>こしょう　</t>
    <phoneticPr fontId="3"/>
  </si>
  <si>
    <t>牛乳　幼稚園用</t>
    <phoneticPr fontId="3"/>
  </si>
  <si>
    <t>食塩　</t>
    <phoneticPr fontId="3"/>
  </si>
  <si>
    <t>鶏卵</t>
  </si>
  <si>
    <t>米粒麦　自校　</t>
    <phoneticPr fontId="3"/>
  </si>
  <si>
    <t>テーオー食品㈱</t>
    <rPh sb="4" eb="6">
      <t>ショクヒン</t>
    </rPh>
    <phoneticPr fontId="8"/>
  </si>
  <si>
    <t>ユウキ食品㈱</t>
    <rPh sb="3" eb="5">
      <t>ショクヒン</t>
    </rPh>
    <phoneticPr fontId="8"/>
  </si>
  <si>
    <t>㈱しおや海苔店</t>
    <rPh sb="4" eb="6">
      <t>ノリ</t>
    </rPh>
    <rPh sb="6" eb="7">
      <t>テン</t>
    </rPh>
    <phoneticPr fontId="3"/>
  </si>
  <si>
    <t>砂糖　上白糖　</t>
    <phoneticPr fontId="3"/>
  </si>
  <si>
    <t>冷）すいとん　</t>
    <rPh sb="0" eb="1">
      <t>レイ</t>
    </rPh>
    <phoneticPr fontId="3"/>
  </si>
  <si>
    <t>レンズ豆　</t>
    <phoneticPr fontId="3"/>
  </si>
  <si>
    <t>すりごま</t>
  </si>
  <si>
    <t>冷）いちごゼリー　</t>
    <rPh sb="0" eb="1">
      <t>レイ</t>
    </rPh>
    <phoneticPr fontId="3"/>
  </si>
  <si>
    <t>ホールコーン缶詰　</t>
    <phoneticPr fontId="3"/>
  </si>
  <si>
    <t>トマトピューレ　</t>
    <phoneticPr fontId="3"/>
  </si>
  <si>
    <t>ミックスナッツ（個装）</t>
    <phoneticPr fontId="3"/>
  </si>
  <si>
    <t>ごま油　</t>
    <phoneticPr fontId="3"/>
  </si>
  <si>
    <t>清酒　</t>
    <phoneticPr fontId="3"/>
  </si>
  <si>
    <t>ジェフダ</t>
    <phoneticPr fontId="8"/>
  </si>
  <si>
    <t>ハイスキー食品㈱</t>
    <rPh sb="5" eb="7">
      <t>ショクヒン</t>
    </rPh>
    <phoneticPr fontId="8"/>
  </si>
  <si>
    <t>㈱ニッショー</t>
    <phoneticPr fontId="8"/>
  </si>
  <si>
    <t>日東ベスト㈱</t>
    <rPh sb="0" eb="2">
      <t>ニットウ</t>
    </rPh>
    <phoneticPr fontId="8"/>
  </si>
  <si>
    <t>カセイ食品㈱</t>
    <rPh sb="3" eb="5">
      <t>ショクヒン</t>
    </rPh>
    <phoneticPr fontId="8"/>
  </si>
  <si>
    <t>㈱マルトモ物産</t>
    <rPh sb="5" eb="7">
      <t>ブッサン</t>
    </rPh>
    <phoneticPr fontId="8"/>
  </si>
  <si>
    <t>きくらげ　せん切り</t>
  </si>
  <si>
    <t>かえり</t>
  </si>
  <si>
    <t>アーモンド　四つ割</t>
  </si>
  <si>
    <t>日東食品㈱</t>
    <rPh sb="0" eb="2">
      <t>ニットウ</t>
    </rPh>
    <rPh sb="2" eb="4">
      <t>ショクヒン</t>
    </rPh>
    <phoneticPr fontId="8"/>
  </si>
  <si>
    <t>がらスープ　袋入り</t>
    <phoneticPr fontId="3"/>
  </si>
  <si>
    <t>ロースハム　短冊　卵ぬき</t>
  </si>
  <si>
    <t>上乾ちりめん</t>
  </si>
  <si>
    <t>鶏肉　ひき肉</t>
    <phoneticPr fontId="3"/>
  </si>
  <si>
    <t>豆板醤　</t>
    <phoneticPr fontId="3"/>
  </si>
  <si>
    <t>㈱ギャバン</t>
    <phoneticPr fontId="8"/>
  </si>
  <si>
    <t>北海道　宮城</t>
    <rPh sb="0" eb="3">
      <t>ホッカイドウ</t>
    </rPh>
    <rPh sb="4" eb="6">
      <t>ミヤギ</t>
    </rPh>
    <phoneticPr fontId="8"/>
  </si>
  <si>
    <t>Ｍサイズ</t>
    <phoneticPr fontId="8"/>
  </si>
  <si>
    <t>北太平洋</t>
    <rPh sb="0" eb="1">
      <t>キタ</t>
    </rPh>
    <rPh sb="1" eb="4">
      <t>タイヘイヨウ</t>
    </rPh>
    <phoneticPr fontId="8"/>
  </si>
  <si>
    <t>タイ　ベトナム</t>
    <phoneticPr fontId="8"/>
  </si>
  <si>
    <t>北海道　東京</t>
    <rPh sb="0" eb="3">
      <t>ホッカイドウ</t>
    </rPh>
    <rPh sb="4" eb="6">
      <t>トウキョウ</t>
    </rPh>
    <phoneticPr fontId="8"/>
  </si>
  <si>
    <t>香川　徳島</t>
    <rPh sb="0" eb="2">
      <t>カガワ</t>
    </rPh>
    <rPh sb="3" eb="5">
      <t>トクシマ</t>
    </rPh>
    <phoneticPr fontId="8"/>
  </si>
  <si>
    <t>雪印メグミルク㈱</t>
    <rPh sb="0" eb="2">
      <t>ユキジルシ</t>
    </rPh>
    <phoneticPr fontId="8"/>
  </si>
  <si>
    <t>タイ</t>
    <phoneticPr fontId="8"/>
  </si>
  <si>
    <t>クリームコーン　袋入り</t>
    <phoneticPr fontId="3"/>
  </si>
  <si>
    <t>九州　四国</t>
    <rPh sb="0" eb="2">
      <t>キュウシュウ</t>
    </rPh>
    <rPh sb="3" eb="5">
      <t>シコク</t>
    </rPh>
    <phoneticPr fontId="8"/>
  </si>
  <si>
    <t>㈱モリタン</t>
    <phoneticPr fontId="8"/>
  </si>
  <si>
    <t>アメリカ　</t>
    <phoneticPr fontId="8"/>
  </si>
  <si>
    <t>ニュージーランド</t>
    <phoneticPr fontId="8"/>
  </si>
  <si>
    <t>パラグアイ　　　　エチオピア</t>
    <phoneticPr fontId="8"/>
  </si>
  <si>
    <t>ケンコーマヨネーズ㈱</t>
    <phoneticPr fontId="8"/>
  </si>
  <si>
    <t>ヨコイピーナッツ㈱</t>
    <phoneticPr fontId="8"/>
  </si>
  <si>
    <t>菜めしの素　ジッパー付き</t>
    <phoneticPr fontId="3"/>
  </si>
  <si>
    <t>広島　徳島</t>
    <rPh sb="0" eb="2">
      <t>ヒロシマ</t>
    </rPh>
    <rPh sb="3" eb="5">
      <t>トクシマ</t>
    </rPh>
    <phoneticPr fontId="8"/>
  </si>
  <si>
    <t>鹿児島</t>
    <rPh sb="0" eb="3">
      <t>カゴシマ</t>
    </rPh>
    <phoneticPr fontId="8"/>
  </si>
  <si>
    <t>オーストラリア</t>
    <phoneticPr fontId="8"/>
  </si>
  <si>
    <t>むね６：もも４</t>
    <phoneticPr fontId="3"/>
  </si>
  <si>
    <t>分類</t>
    <rPh sb="0" eb="2">
      <t>ブンルイ</t>
    </rPh>
    <phoneticPr fontId="3"/>
  </si>
  <si>
    <t>特定原材料等28品目（○・・・アレルゲン有り）</t>
    <rPh sb="0" eb="2">
      <t>トクテイ</t>
    </rPh>
    <rPh sb="2" eb="5">
      <t>ゲンザイリョウ</t>
    </rPh>
    <rPh sb="5" eb="6">
      <t>トウ</t>
    </rPh>
    <rPh sb="8" eb="10">
      <t>ヒンモク</t>
    </rPh>
    <phoneticPr fontId="3"/>
  </si>
  <si>
    <t>アレルゲン由来原材料</t>
    <rPh sb="5" eb="7">
      <t>ユライ</t>
    </rPh>
    <rPh sb="7" eb="10">
      <t>ゲンザイリョウ</t>
    </rPh>
    <phoneticPr fontId="3"/>
  </si>
  <si>
    <t>落花生（ピーナッツ・南京豆）</t>
    <rPh sb="10" eb="13">
      <t>ナンキンマメ</t>
    </rPh>
    <phoneticPr fontId="3"/>
  </si>
  <si>
    <t>バナナ</t>
    <phoneticPr fontId="3"/>
  </si>
  <si>
    <t>ごま</t>
    <phoneticPr fontId="3"/>
  </si>
  <si>
    <t>カシューナッツ</t>
    <phoneticPr fontId="3"/>
  </si>
  <si>
    <t>アーモンド</t>
    <phoneticPr fontId="3"/>
  </si>
  <si>
    <t>印南養鶏</t>
    <rPh sb="0" eb="4">
      <t>インナミヨウケイ</t>
    </rPh>
    <phoneticPr fontId="8"/>
  </si>
  <si>
    <t>㈱しおや海苔店</t>
    <rPh sb="4" eb="7">
      <t>ノリテン</t>
    </rPh>
    <phoneticPr fontId="3"/>
  </si>
  <si>
    <t>タカ食品㈱</t>
    <rPh sb="2" eb="4">
      <t>ショクヒン</t>
    </rPh>
    <phoneticPr fontId="8"/>
  </si>
  <si>
    <t>オリーブ油　</t>
    <phoneticPr fontId="3"/>
  </si>
  <si>
    <t>濃厚ソース（個装）</t>
    <phoneticPr fontId="3"/>
  </si>
  <si>
    <t>チキンコンソメ　</t>
    <phoneticPr fontId="3"/>
  </si>
  <si>
    <t>トマトケチャップ　</t>
    <phoneticPr fontId="3"/>
  </si>
  <si>
    <t>１００ｇ</t>
    <phoneticPr fontId="3"/>
  </si>
  <si>
    <t>砂糖　三温糖　</t>
    <phoneticPr fontId="3"/>
  </si>
  <si>
    <t>㈱佐々木商店</t>
    <rPh sb="1" eb="6">
      <t>ササキショウテン</t>
    </rPh>
    <phoneticPr fontId="3"/>
  </si>
  <si>
    <t>２００ｇ</t>
    <phoneticPr fontId="3"/>
  </si>
  <si>
    <t>中濃ソース（個装）</t>
    <phoneticPr fontId="3"/>
  </si>
  <si>
    <t>小麦粉　中力粉　２等　</t>
    <phoneticPr fontId="3"/>
  </si>
  <si>
    <t>生クリーム　</t>
    <phoneticPr fontId="3"/>
  </si>
  <si>
    <t>ピザ用チーズ　</t>
    <phoneticPr fontId="3"/>
  </si>
  <si>
    <t>トマト水煮　ダイス　</t>
    <phoneticPr fontId="3"/>
  </si>
  <si>
    <t>りんご酢　１Ｌ</t>
  </si>
  <si>
    <t>オイスターソース　</t>
    <phoneticPr fontId="3"/>
  </si>
  <si>
    <t>青じそドレッシング　</t>
    <phoneticPr fontId="3"/>
  </si>
  <si>
    <t>㈱J-オイルミルズ</t>
    <phoneticPr fontId="8"/>
  </si>
  <si>
    <t>４００ｇ</t>
    <phoneticPr fontId="3"/>
  </si>
  <si>
    <t>１００ｇ袋</t>
    <rPh sb="4" eb="5">
      <t>フクロ</t>
    </rPh>
    <phoneticPr fontId="3"/>
  </si>
  <si>
    <t>２５０ｇ</t>
    <phoneticPr fontId="3"/>
  </si>
  <si>
    <t>１５ｇ</t>
    <phoneticPr fontId="3"/>
  </si>
  <si>
    <t>フルーツライフ㈱</t>
    <phoneticPr fontId="8"/>
  </si>
  <si>
    <t>（有）セカイイチ</t>
    <rPh sb="1" eb="2">
      <t>ユウ</t>
    </rPh>
    <phoneticPr fontId="3"/>
  </si>
  <si>
    <t>㈱西部海苔店</t>
    <rPh sb="1" eb="3">
      <t>セイブ</t>
    </rPh>
    <rPh sb="3" eb="6">
      <t>ノリテン</t>
    </rPh>
    <phoneticPr fontId="8"/>
  </si>
  <si>
    <t>ウスターソース　</t>
    <phoneticPr fontId="3"/>
  </si>
  <si>
    <t>食酢　</t>
    <phoneticPr fontId="3"/>
  </si>
  <si>
    <t>一味とうがらし　</t>
    <phoneticPr fontId="3"/>
  </si>
  <si>
    <t>しょうが　おろし　</t>
    <phoneticPr fontId="3"/>
  </si>
  <si>
    <t>冷）食パン　</t>
    <rPh sb="0" eb="1">
      <t>レイ</t>
    </rPh>
    <phoneticPr fontId="3"/>
  </si>
  <si>
    <t>２２５ｇ</t>
    <phoneticPr fontId="3"/>
  </si>
  <si>
    <t>５ｋｇ</t>
    <phoneticPr fontId="3"/>
  </si>
  <si>
    <t>箱</t>
    <rPh sb="0" eb="1">
      <t>ハコ</t>
    </rPh>
    <phoneticPr fontId="3"/>
  </si>
  <si>
    <t>㈱日本海水</t>
    <rPh sb="1" eb="3">
      <t>ニホン</t>
    </rPh>
    <rPh sb="3" eb="5">
      <t>カイスイ</t>
    </rPh>
    <phoneticPr fontId="8"/>
  </si>
  <si>
    <t>㈱貴彩</t>
    <rPh sb="1" eb="3">
      <t>キサイ</t>
    </rPh>
    <phoneticPr fontId="8"/>
  </si>
  <si>
    <t>大忠食品㈱</t>
    <rPh sb="0" eb="4">
      <t>ダイチュウショクヒン</t>
    </rPh>
    <phoneticPr fontId="8"/>
  </si>
  <si>
    <t>全学栄</t>
    <rPh sb="0" eb="3">
      <t>ゼンガクエイ</t>
    </rPh>
    <phoneticPr fontId="8"/>
  </si>
  <si>
    <t>花かつお　砕片</t>
    <phoneticPr fontId="3"/>
  </si>
  <si>
    <t>西京漬け用みそ</t>
  </si>
  <si>
    <t>冷）豆乳プリン　</t>
    <rPh sb="0" eb="1">
      <t>レイ</t>
    </rPh>
    <phoneticPr fontId="3"/>
  </si>
  <si>
    <t>はるさめ　８～１０㎝</t>
    <phoneticPr fontId="3"/>
  </si>
  <si>
    <t>たくあん漬　きざみ　</t>
    <phoneticPr fontId="3"/>
  </si>
  <si>
    <t>４号缶</t>
    <rPh sb="1" eb="3">
      <t>ゴウカン</t>
    </rPh>
    <phoneticPr fontId="3"/>
  </si>
  <si>
    <t>㈱紀州有田蒲鉾</t>
    <rPh sb="1" eb="3">
      <t>キシュウ</t>
    </rPh>
    <rPh sb="3" eb="7">
      <t>アリダカマボコ</t>
    </rPh>
    <phoneticPr fontId="8"/>
  </si>
  <si>
    <t>堂本食品㈱</t>
    <rPh sb="0" eb="4">
      <t>ドウモトショクヒン</t>
    </rPh>
    <phoneticPr fontId="8"/>
  </si>
  <si>
    <t>ケンミン食品㈱</t>
    <rPh sb="4" eb="7">
      <t>ショクヒンカブ</t>
    </rPh>
    <phoneticPr fontId="8"/>
  </si>
  <si>
    <t>１３０ｇ</t>
    <phoneticPr fontId="3"/>
  </si>
  <si>
    <t>香川　岡山</t>
    <rPh sb="0" eb="2">
      <t>カガワ</t>
    </rPh>
    <rPh sb="3" eb="5">
      <t>オカヤマ</t>
    </rPh>
    <phoneticPr fontId="8"/>
  </si>
  <si>
    <t>中国　</t>
    <rPh sb="0" eb="2">
      <t>チュウゴク</t>
    </rPh>
    <phoneticPr fontId="8"/>
  </si>
  <si>
    <t>１６ｇ</t>
    <phoneticPr fontId="3"/>
  </si>
  <si>
    <t>㈱永谷園</t>
    <rPh sb="1" eb="4">
      <t>ナガタニエン</t>
    </rPh>
    <phoneticPr fontId="8"/>
  </si>
  <si>
    <t>日本　タイ</t>
    <rPh sb="0" eb="2">
      <t>ニホン</t>
    </rPh>
    <phoneticPr fontId="8"/>
  </si>
  <si>
    <t>２ｇ</t>
    <phoneticPr fontId="3"/>
  </si>
  <si>
    <t>クラハシ</t>
    <phoneticPr fontId="8"/>
  </si>
  <si>
    <t>タケダハム㈱</t>
    <phoneticPr fontId="8"/>
  </si>
  <si>
    <t>滋賀　富山</t>
    <rPh sb="0" eb="2">
      <t>シガ</t>
    </rPh>
    <rPh sb="3" eb="5">
      <t>トヤマ</t>
    </rPh>
    <phoneticPr fontId="8"/>
  </si>
  <si>
    <t>１号缶</t>
    <rPh sb="1" eb="3">
      <t>ゴウカン</t>
    </rPh>
    <phoneticPr fontId="3"/>
  </si>
  <si>
    <t>チリ</t>
    <phoneticPr fontId="8"/>
  </si>
  <si>
    <t>大阪太平㈱</t>
    <rPh sb="0" eb="2">
      <t>オオサカ</t>
    </rPh>
    <rPh sb="2" eb="4">
      <t>タイヘイ</t>
    </rPh>
    <phoneticPr fontId="8"/>
  </si>
  <si>
    <t>鹿児島　北海道</t>
    <rPh sb="0" eb="3">
      <t>カゴシマ</t>
    </rPh>
    <rPh sb="4" eb="7">
      <t>ホッカイドウ</t>
    </rPh>
    <phoneticPr fontId="8"/>
  </si>
  <si>
    <t>不二製油㈱</t>
    <rPh sb="0" eb="4">
      <t>フジセイユ</t>
    </rPh>
    <phoneticPr fontId="8"/>
  </si>
  <si>
    <t>冷）厚揚げ（２ｇ／個）</t>
    <rPh sb="0" eb="1">
      <t>レイ</t>
    </rPh>
    <phoneticPr fontId="3"/>
  </si>
  <si>
    <t>青森　岩手</t>
    <rPh sb="0" eb="2">
      <t>アオモリ</t>
    </rPh>
    <rPh sb="3" eb="5">
      <t>イワテ</t>
    </rPh>
    <phoneticPr fontId="8"/>
  </si>
  <si>
    <t>ニュージーランド　イスラエル</t>
    <phoneticPr fontId="8"/>
  </si>
  <si>
    <t>森永乳業㈱</t>
    <rPh sb="0" eb="4">
      <t>モリナガニュウギョウ</t>
    </rPh>
    <phoneticPr fontId="8"/>
  </si>
  <si>
    <t>アメリカ　              オーストラリア</t>
    <phoneticPr fontId="8"/>
  </si>
  <si>
    <t>長崎　宮崎</t>
    <rPh sb="0" eb="2">
      <t>ナガサキ</t>
    </rPh>
    <rPh sb="3" eb="5">
      <t>ミヤザキ</t>
    </rPh>
    <phoneticPr fontId="8"/>
  </si>
  <si>
    <t>㈱山忠</t>
    <rPh sb="1" eb="3">
      <t>ヤマチュウ</t>
    </rPh>
    <phoneticPr fontId="8"/>
  </si>
  <si>
    <t>たけのこボイル　１／２カット</t>
  </si>
  <si>
    <t>レーズン</t>
  </si>
  <si>
    <t>富士サンフード㈱</t>
    <rPh sb="0" eb="2">
      <t>フジ</t>
    </rPh>
    <phoneticPr fontId="8"/>
  </si>
  <si>
    <t>冷）さば　</t>
    <rPh sb="0" eb="1">
      <t>レイ</t>
    </rPh>
    <phoneticPr fontId="3"/>
  </si>
  <si>
    <t>ノルウェー</t>
    <phoneticPr fontId="8"/>
  </si>
  <si>
    <t>㈱松島フーズ</t>
    <rPh sb="1" eb="3">
      <t>マツシマ</t>
    </rPh>
    <phoneticPr fontId="8"/>
  </si>
  <si>
    <t>冷）液卵　</t>
    <rPh sb="0" eb="1">
      <t>レイ</t>
    </rPh>
    <phoneticPr fontId="3"/>
  </si>
  <si>
    <t>冷）いももち</t>
    <rPh sb="0" eb="1">
      <t>レイ</t>
    </rPh>
    <phoneticPr fontId="3"/>
  </si>
  <si>
    <t>すぐる食品㈱</t>
    <rPh sb="3" eb="5">
      <t>ショクヒン</t>
    </rPh>
    <phoneticPr fontId="8"/>
  </si>
  <si>
    <t>㈱津田商店</t>
    <rPh sb="1" eb="5">
      <t>ツダショウテン</t>
    </rPh>
    <phoneticPr fontId="8"/>
  </si>
  <si>
    <t>４０ｇ×１０切</t>
    <phoneticPr fontId="3"/>
  </si>
  <si>
    <t>ケンミン食品㈱</t>
    <rPh sb="4" eb="6">
      <t>ショクヒン</t>
    </rPh>
    <phoneticPr fontId="8"/>
  </si>
  <si>
    <t>みらいフーズ㈱</t>
    <phoneticPr fontId="8"/>
  </si>
  <si>
    <t>㈱上万糧食</t>
    <rPh sb="1" eb="3">
      <t>ウエマン</t>
    </rPh>
    <rPh sb="3" eb="5">
      <t>リョウショク</t>
    </rPh>
    <phoneticPr fontId="8"/>
  </si>
  <si>
    <t>レト）ミックスビーンズ</t>
    <phoneticPr fontId="3"/>
  </si>
  <si>
    <t>冷）ナン　袋入り</t>
    <rPh sb="0" eb="1">
      <t>レイ</t>
    </rPh>
    <rPh sb="6" eb="7">
      <t>イ</t>
    </rPh>
    <phoneticPr fontId="3"/>
  </si>
  <si>
    <t>㈱デルソーレ</t>
    <phoneticPr fontId="8"/>
  </si>
  <si>
    <t>正栄食品工業㈱</t>
    <rPh sb="0" eb="2">
      <t>ショウエイ</t>
    </rPh>
    <rPh sb="2" eb="4">
      <t>ショクヒン</t>
    </rPh>
    <rPh sb="4" eb="6">
      <t>コウギョウ</t>
    </rPh>
    <phoneticPr fontId="8"/>
  </si>
  <si>
    <t>三島食品㈱</t>
    <rPh sb="0" eb="4">
      <t>ミシマショクヒン</t>
    </rPh>
    <phoneticPr fontId="8"/>
  </si>
  <si>
    <t>四国乳業㈱</t>
    <rPh sb="0" eb="4">
      <t>シコクニュウギョウ</t>
    </rPh>
    <phoneticPr fontId="3"/>
  </si>
  <si>
    <t>サヌキ食品㈱</t>
    <rPh sb="3" eb="5">
      <t>ショクヒン</t>
    </rPh>
    <phoneticPr fontId="8"/>
  </si>
  <si>
    <t>マッシュポテト粉末</t>
  </si>
  <si>
    <t>塩ふき昆布　</t>
    <phoneticPr fontId="3"/>
  </si>
  <si>
    <t>㈱ノースイ</t>
    <phoneticPr fontId="8"/>
  </si>
  <si>
    <t>レト）ささみ油漬　フレーク</t>
    <phoneticPr fontId="3"/>
  </si>
  <si>
    <t>㈱ホテイフーズ</t>
    <phoneticPr fontId="8"/>
  </si>
  <si>
    <t>カモ井食品㈱</t>
    <rPh sb="2" eb="5">
      <t>イショクヒン</t>
    </rPh>
    <phoneticPr fontId="8"/>
  </si>
  <si>
    <t>ペンネ</t>
  </si>
  <si>
    <t>㈱山食</t>
    <rPh sb="1" eb="3">
      <t>ヤマショク</t>
    </rPh>
    <phoneticPr fontId="3"/>
  </si>
  <si>
    <t>㈱山食</t>
    <rPh sb="1" eb="3">
      <t>ヤマショク</t>
    </rPh>
    <phoneticPr fontId="8"/>
  </si>
  <si>
    <t>㈱ファンケル</t>
    <phoneticPr fontId="8"/>
  </si>
  <si>
    <t>糸かまぼこ</t>
  </si>
  <si>
    <t>生ちくわ</t>
  </si>
  <si>
    <t>かぶ　皮むき</t>
  </si>
  <si>
    <t>麩</t>
  </si>
  <si>
    <t>チルド）納豆　カップ入り</t>
    <phoneticPr fontId="3"/>
  </si>
  <si>
    <t>さつま芋　皮つき　角切り</t>
    <phoneticPr fontId="3"/>
  </si>
  <si>
    <t>中華そば　袋入り</t>
    <rPh sb="6" eb="7">
      <t>イ</t>
    </rPh>
    <phoneticPr fontId="3"/>
  </si>
  <si>
    <t>ヨーグルト　全脂無糖（調理用）</t>
    <phoneticPr fontId="3"/>
  </si>
  <si>
    <t>マヨネーズ</t>
    <phoneticPr fontId="3"/>
  </si>
  <si>
    <t>パック</t>
  </si>
  <si>
    <t>森井きなこ㈱</t>
    <rPh sb="0" eb="2">
      <t>モリイ</t>
    </rPh>
    <phoneticPr fontId="8"/>
  </si>
  <si>
    <t>きのこ工房</t>
    <rPh sb="3" eb="5">
      <t>コウボウ</t>
    </rPh>
    <phoneticPr fontId="8"/>
  </si>
  <si>
    <t>福岡</t>
    <rPh sb="0" eb="2">
      <t>フクオカ</t>
    </rPh>
    <phoneticPr fontId="8"/>
  </si>
  <si>
    <t>冷）いか　短冊</t>
    <rPh sb="0" eb="1">
      <t>レイ</t>
    </rPh>
    <rPh sb="5" eb="7">
      <t>タンザク</t>
    </rPh>
    <phoneticPr fontId="3"/>
  </si>
  <si>
    <t>山口県漁連</t>
    <rPh sb="0" eb="2">
      <t>ヤマグチ</t>
    </rPh>
    <rPh sb="2" eb="5">
      <t>ケンギョレン</t>
    </rPh>
    <phoneticPr fontId="8"/>
  </si>
  <si>
    <t>冷）ブルーベリータルト（米粉）</t>
    <rPh sb="0" eb="1">
      <t>レイ</t>
    </rPh>
    <phoneticPr fontId="3"/>
  </si>
  <si>
    <t>ミルクココア　</t>
    <phoneticPr fontId="3"/>
  </si>
  <si>
    <t>星形チーズ　</t>
    <phoneticPr fontId="3"/>
  </si>
  <si>
    <t>㈱宝幸ロルフ</t>
    <rPh sb="1" eb="3">
      <t>ホウコウ</t>
    </rPh>
    <phoneticPr fontId="8"/>
  </si>
  <si>
    <t>エクアドル</t>
    <phoneticPr fontId="8"/>
  </si>
  <si>
    <t>㈱カネ貞</t>
    <rPh sb="3" eb="4">
      <t>サダ</t>
    </rPh>
    <phoneticPr fontId="8"/>
  </si>
  <si>
    <t>山陰　北海道</t>
    <rPh sb="0" eb="2">
      <t>サンイン</t>
    </rPh>
    <rPh sb="3" eb="6">
      <t>ホッカイドウ</t>
    </rPh>
    <phoneticPr fontId="8"/>
  </si>
  <si>
    <t>冷）かぼちゃフライ　</t>
    <rPh sb="0" eb="1">
      <t>レイ</t>
    </rPh>
    <phoneticPr fontId="3"/>
  </si>
  <si>
    <t>じゃが芋　皮むき　２㎝カット</t>
  </si>
  <si>
    <t>鉄強化米</t>
  </si>
  <si>
    <t>１kg袋</t>
    <rPh sb="3" eb="4">
      <t>フクロ</t>
    </rPh>
    <phoneticPr fontId="3"/>
  </si>
  <si>
    <t>３kg</t>
    <phoneticPr fontId="3"/>
  </si>
  <si>
    <t>１L</t>
    <phoneticPr fontId="3"/>
  </si>
  <si>
    <t>２ｃｍ</t>
    <phoneticPr fontId="3"/>
  </si>
  <si>
    <t>㈱しおや海苔店</t>
    <rPh sb="4" eb="7">
      <t>ノリテン</t>
    </rPh>
    <phoneticPr fontId="8"/>
  </si>
  <si>
    <t>韓国　鳴門</t>
    <rPh sb="0" eb="2">
      <t>カンコク</t>
    </rPh>
    <rPh sb="3" eb="5">
      <t>ナルト</t>
    </rPh>
    <phoneticPr fontId="8"/>
  </si>
  <si>
    <t>イタリア　　　　　　スペイン</t>
    <phoneticPr fontId="8"/>
  </si>
  <si>
    <t>四国　宮崎　岡山</t>
    <rPh sb="0" eb="2">
      <t>シコク</t>
    </rPh>
    <rPh sb="3" eb="5">
      <t>ミヤザキ</t>
    </rPh>
    <rPh sb="6" eb="8">
      <t>オカヤマ</t>
    </rPh>
    <phoneticPr fontId="8"/>
  </si>
  <si>
    <t>カリフラワー　カット　生</t>
  </si>
  <si>
    <t>フォー</t>
  </si>
  <si>
    <t>せんべい（汁用）</t>
  </si>
  <si>
    <t>ボンレスハム　１㎝角切り　卵ぬき</t>
  </si>
  <si>
    <t>キムチの素</t>
  </si>
  <si>
    <t>節分豆　５ｇ（個装）</t>
  </si>
  <si>
    <t>焙煎ごまドレッシング　１Ｌ</t>
  </si>
  <si>
    <t>１×４㎝</t>
    <phoneticPr fontId="3"/>
  </si>
  <si>
    <t>４８０ｇ</t>
    <phoneticPr fontId="3"/>
  </si>
  <si>
    <t>６枚入</t>
    <phoneticPr fontId="3"/>
  </si>
  <si>
    <t>令和３年度２月分契約単価(消費税及び地方消費税込み単価）</t>
    <rPh sb="0" eb="2">
      <t>レイワ</t>
    </rPh>
    <rPh sb="3" eb="5">
      <t>ネンド</t>
    </rPh>
    <rPh sb="6" eb="8">
      <t>ガツブン</t>
    </rPh>
    <phoneticPr fontId="3"/>
  </si>
  <si>
    <t>おかかふりかけ（個装）　　  　  ２７品目フリー</t>
    <phoneticPr fontId="3"/>
  </si>
  <si>
    <t>マルトモ㈱</t>
    <phoneticPr fontId="3"/>
  </si>
  <si>
    <t>中西部太平洋</t>
    <rPh sb="0" eb="3">
      <t>チュウセイブ</t>
    </rPh>
    <rPh sb="3" eb="6">
      <t>タイヘイヨウ</t>
    </rPh>
    <phoneticPr fontId="3"/>
  </si>
  <si>
    <t>冷）うどん</t>
    <rPh sb="0" eb="1">
      <t>レイ</t>
    </rPh>
    <phoneticPr fontId="3"/>
  </si>
  <si>
    <t>四国日清㈱</t>
    <rPh sb="0" eb="2">
      <t>シコク</t>
    </rPh>
    <rPh sb="2" eb="4">
      <t>ニッシン</t>
    </rPh>
    <phoneticPr fontId="8"/>
  </si>
  <si>
    <t>レト）蒸大豆　国産</t>
    <phoneticPr fontId="3"/>
  </si>
  <si>
    <t>冷）さやいんげん　３㎝カット　　</t>
    <rPh sb="0" eb="1">
      <t>レイ</t>
    </rPh>
    <phoneticPr fontId="3"/>
  </si>
  <si>
    <t>冷）えのきたけ　２㎝カット　</t>
    <rPh sb="0" eb="1">
      <t>レイ</t>
    </rPh>
    <phoneticPr fontId="3"/>
  </si>
  <si>
    <t>冷）鮭２㎝角切・骨なし</t>
    <rPh sb="0" eb="1">
      <t>レイ</t>
    </rPh>
    <phoneticPr fontId="3"/>
  </si>
  <si>
    <t>ロシア</t>
    <phoneticPr fontId="8"/>
  </si>
  <si>
    <t>チルド）さば　</t>
    <phoneticPr fontId="3"/>
  </si>
  <si>
    <t>㈱井戸商店</t>
    <rPh sb="1" eb="3">
      <t>イド</t>
    </rPh>
    <rPh sb="3" eb="5">
      <t>ショウテン</t>
    </rPh>
    <phoneticPr fontId="8"/>
  </si>
  <si>
    <t>１×２㎝</t>
    <phoneticPr fontId="3"/>
  </si>
  <si>
    <t>㈱スギヨ</t>
    <phoneticPr fontId="8"/>
  </si>
  <si>
    <t>クリームチーズ　</t>
    <phoneticPr fontId="3"/>
  </si>
  <si>
    <t>アルカン</t>
    <phoneticPr fontId="8"/>
  </si>
  <si>
    <t>フランス</t>
    <phoneticPr fontId="8"/>
  </si>
  <si>
    <t>１８ｇ</t>
    <phoneticPr fontId="3"/>
  </si>
  <si>
    <t>冷）白玉　</t>
    <rPh sb="0" eb="1">
      <t>レイ</t>
    </rPh>
    <phoneticPr fontId="3"/>
  </si>
  <si>
    <t>火乃国食品㈱</t>
    <rPh sb="0" eb="1">
      <t>カ</t>
    </rPh>
    <rPh sb="1" eb="2">
      <t>ノ</t>
    </rPh>
    <rPh sb="2" eb="3">
      <t>クニ</t>
    </rPh>
    <rPh sb="3" eb="5">
      <t>ショクヒン</t>
    </rPh>
    <phoneticPr fontId="8"/>
  </si>
  <si>
    <t>冷）さばのみぞれ煮　　</t>
    <rPh sb="0" eb="1">
      <t>レイ</t>
    </rPh>
    <phoneticPr fontId="3"/>
  </si>
  <si>
    <t>東シナ海　      三陸北部沖</t>
    <rPh sb="0" eb="1">
      <t>ヒガシ</t>
    </rPh>
    <rPh sb="3" eb="4">
      <t>カイ</t>
    </rPh>
    <rPh sb="11" eb="15">
      <t>サンリクホクブ</t>
    </rPh>
    <rPh sb="15" eb="16">
      <t>オキ</t>
    </rPh>
    <phoneticPr fontId="8"/>
  </si>
  <si>
    <t>冷）さばのみぞれ煮　</t>
    <rPh sb="0" eb="1">
      <t>レイ</t>
    </rPh>
    <phoneticPr fontId="3"/>
  </si>
  <si>
    <t>東シナ海　           三陸北部沖</t>
    <rPh sb="0" eb="1">
      <t>ヒガシ</t>
    </rPh>
    <rPh sb="3" eb="4">
      <t>カイ</t>
    </rPh>
    <rPh sb="16" eb="20">
      <t>サンリクホクブ</t>
    </rPh>
    <rPh sb="20" eb="21">
      <t>オキ</t>
    </rPh>
    <phoneticPr fontId="8"/>
  </si>
  <si>
    <t>冷）いわしの生姜煮　</t>
    <rPh sb="0" eb="1">
      <t>レイ</t>
    </rPh>
    <phoneticPr fontId="3"/>
  </si>
  <si>
    <t>千葉銚子沖</t>
    <rPh sb="0" eb="2">
      <t>チバ</t>
    </rPh>
    <rPh sb="2" eb="5">
      <t>チョウシオキ</t>
    </rPh>
    <phoneticPr fontId="8"/>
  </si>
  <si>
    <t>冷）ヒレカツ　</t>
    <rPh sb="0" eb="1">
      <t>レイ</t>
    </rPh>
    <phoneticPr fontId="3"/>
  </si>
  <si>
    <t>四国日清㈱</t>
    <phoneticPr fontId="8"/>
  </si>
  <si>
    <t>冷）肉団子　</t>
    <rPh sb="0" eb="1">
      <t>レイ</t>
    </rPh>
    <phoneticPr fontId="3"/>
  </si>
  <si>
    <t>香川　徳島　福岡</t>
    <rPh sb="0" eb="2">
      <t>カガワ</t>
    </rPh>
    <rPh sb="3" eb="5">
      <t>トクシマ</t>
    </rPh>
    <rPh sb="6" eb="8">
      <t>フクオカ</t>
    </rPh>
    <phoneticPr fontId="8"/>
  </si>
  <si>
    <t>れんこん　チップス用　生</t>
    <phoneticPr fontId="3"/>
  </si>
  <si>
    <t>２ｍｍ厚スライス</t>
    <rPh sb="3" eb="4">
      <t>アツ</t>
    </rPh>
    <phoneticPr fontId="3"/>
  </si>
  <si>
    <t>ネーブルオレンジ１／４カット（個装）</t>
    <phoneticPr fontId="3"/>
  </si>
  <si>
    <t>約５０ｇ</t>
    <rPh sb="0" eb="1">
      <t>ヤク</t>
    </rPh>
    <phoneticPr fontId="3"/>
  </si>
  <si>
    <t>粗挽きウインナー　輪切り</t>
    <phoneticPr fontId="3"/>
  </si>
  <si>
    <t>鎌倉ハム㈱</t>
    <rPh sb="0" eb="2">
      <t>カマクラ</t>
    </rPh>
    <phoneticPr fontId="8"/>
  </si>
  <si>
    <t>１ｃｍカット</t>
    <phoneticPr fontId="3"/>
  </si>
  <si>
    <t>広島　北海道</t>
    <rPh sb="0" eb="2">
      <t>ヒロシマ</t>
    </rPh>
    <rPh sb="3" eb="6">
      <t>ホッカイドウ</t>
    </rPh>
    <phoneticPr fontId="8"/>
  </si>
  <si>
    <t>粉チーズ</t>
    <phoneticPr fontId="3"/>
  </si>
  <si>
    <t>オセアニア</t>
    <phoneticPr fontId="8"/>
  </si>
  <si>
    <t>０．５ｋｇ袋</t>
    <rPh sb="5" eb="6">
      <t>フクロ</t>
    </rPh>
    <phoneticPr fontId="3"/>
  </si>
  <si>
    <t>敷島産業㈱</t>
    <rPh sb="0" eb="2">
      <t>シキシマ</t>
    </rPh>
    <rPh sb="2" eb="4">
      <t>サンギョウ</t>
    </rPh>
    <phoneticPr fontId="8"/>
  </si>
  <si>
    <t>きな粉</t>
    <phoneticPr fontId="3"/>
  </si>
  <si>
    <t>高野豆腐　粉末　</t>
    <phoneticPr fontId="3"/>
  </si>
  <si>
    <t>㈱信濃雪</t>
    <rPh sb="1" eb="4">
      <t>シナノユキ</t>
    </rPh>
    <phoneticPr fontId="8"/>
  </si>
  <si>
    <t>きな粉　青大豆</t>
    <phoneticPr fontId="3"/>
  </si>
  <si>
    <t>福井</t>
    <rPh sb="0" eb="2">
      <t>フクイ</t>
    </rPh>
    <phoneticPr fontId="8"/>
  </si>
  <si>
    <t>１００g袋</t>
    <rPh sb="4" eb="5">
      <t>フクロ</t>
    </rPh>
    <phoneticPr fontId="3"/>
  </si>
  <si>
    <t>山口</t>
    <rPh sb="0" eb="2">
      <t>ヤマグチ</t>
    </rPh>
    <phoneticPr fontId="8"/>
  </si>
  <si>
    <t>北海道　アメリカ</t>
    <rPh sb="0" eb="3">
      <t>ホッカイドウ</t>
    </rPh>
    <phoneticPr fontId="8"/>
  </si>
  <si>
    <t>青森　愛知</t>
    <rPh sb="0" eb="2">
      <t>アオモリ</t>
    </rPh>
    <rPh sb="3" eb="5">
      <t>アイチ</t>
    </rPh>
    <phoneticPr fontId="8"/>
  </si>
  <si>
    <t>レト）あさりむき身</t>
    <phoneticPr fontId="3"/>
  </si>
  <si>
    <t>煎茶　粉末タイプ</t>
    <phoneticPr fontId="3"/>
  </si>
  <si>
    <t>香川県農業組合</t>
    <rPh sb="0" eb="5">
      <t>カガワケンノウギョウ</t>
    </rPh>
    <rPh sb="5" eb="7">
      <t>クミアイ</t>
    </rPh>
    <phoneticPr fontId="8"/>
  </si>
  <si>
    <t>名糖産業㈱</t>
    <rPh sb="0" eb="4">
      <t>メイトウサンギョウ</t>
    </rPh>
    <phoneticPr fontId="8"/>
  </si>
  <si>
    <t>国内加工</t>
    <rPh sb="0" eb="2">
      <t>コクナイ</t>
    </rPh>
    <rPh sb="2" eb="4">
      <t>カコウ</t>
    </rPh>
    <phoneticPr fontId="3"/>
  </si>
  <si>
    <t>３００ｇ入</t>
    <rPh sb="4" eb="5">
      <t>イ</t>
    </rPh>
    <phoneticPr fontId="3"/>
  </si>
  <si>
    <t>メキシコ　            ニュージーランド</t>
    <phoneticPr fontId="8"/>
  </si>
  <si>
    <t>（有）マルコーいずもり</t>
    <rPh sb="1" eb="2">
      <t>ユウ</t>
    </rPh>
    <phoneticPr fontId="8"/>
  </si>
  <si>
    <t>アメリカ　オーストラリア</t>
    <phoneticPr fontId="8"/>
  </si>
  <si>
    <t>オーストラリア　北米</t>
    <rPh sb="8" eb="10">
      <t>ホクベイ</t>
    </rPh>
    <phoneticPr fontId="8"/>
  </si>
  <si>
    <t>冷）ペンネ　　</t>
    <rPh sb="0" eb="1">
      <t>レイ</t>
    </rPh>
    <phoneticPr fontId="3"/>
  </si>
  <si>
    <t>４００ｇ袋</t>
    <phoneticPr fontId="3"/>
  </si>
  <si>
    <t>冷）油揚げ　</t>
    <rPh sb="0" eb="1">
      <t>レイ</t>
    </rPh>
    <phoneticPr fontId="3"/>
  </si>
  <si>
    <t>５㎜×４０㎜</t>
    <phoneticPr fontId="3"/>
  </si>
  <si>
    <t>冷）グリンピース　</t>
    <rPh sb="0" eb="1">
      <t>レイ</t>
    </rPh>
    <phoneticPr fontId="3"/>
  </si>
  <si>
    <t>エア・ウォ－ターアグリ＆フーズ</t>
    <phoneticPr fontId="8"/>
  </si>
  <si>
    <t>冷）はたはた　澱粉付き</t>
    <rPh sb="0" eb="1">
      <t>レイ</t>
    </rPh>
    <phoneticPr fontId="3"/>
  </si>
  <si>
    <t>京都　鳥取　          北海道</t>
    <rPh sb="0" eb="2">
      <t>キョウト</t>
    </rPh>
    <rPh sb="3" eb="5">
      <t>トットリ</t>
    </rPh>
    <rPh sb="16" eb="19">
      <t>ホッカイドウ</t>
    </rPh>
    <phoneticPr fontId="8"/>
  </si>
  <si>
    <t>１５ｇ／匹</t>
    <phoneticPr fontId="3"/>
  </si>
  <si>
    <t>冷）メンチカツ　</t>
    <rPh sb="0" eb="1">
      <t>レイ</t>
    </rPh>
    <phoneticPr fontId="3"/>
  </si>
  <si>
    <t>日東ベスト</t>
    <rPh sb="0" eb="2">
      <t>ニットウ</t>
    </rPh>
    <phoneticPr fontId="8"/>
  </si>
  <si>
    <t>北アメリカ　           カナダ</t>
    <rPh sb="0" eb="1">
      <t>キタ</t>
    </rPh>
    <phoneticPr fontId="8"/>
  </si>
  <si>
    <t>冷）オニオンソテー　ダイス７０　</t>
    <rPh sb="0" eb="1">
      <t>レイ</t>
    </rPh>
    <phoneticPr fontId="3"/>
  </si>
  <si>
    <t>冷）ストロベリーダイス</t>
    <rPh sb="0" eb="1">
      <t>レイ</t>
    </rPh>
    <phoneticPr fontId="3"/>
  </si>
  <si>
    <t>モロッコ</t>
    <phoneticPr fontId="8"/>
  </si>
  <si>
    <t>冷）いわし開き　澱粉付　</t>
    <rPh sb="0" eb="1">
      <t>レイ</t>
    </rPh>
    <phoneticPr fontId="3"/>
  </si>
  <si>
    <t>冷）いり玉子</t>
    <rPh sb="0" eb="1">
      <t>レイ</t>
    </rPh>
    <phoneticPr fontId="3"/>
  </si>
  <si>
    <t>冷）ガトーショコラ（米粉）</t>
    <rPh sb="0" eb="1">
      <t>レイ</t>
    </rPh>
    <phoneticPr fontId="3"/>
  </si>
  <si>
    <t>冷）みかんクレープ　</t>
    <rPh sb="0" eb="1">
      <t>レイ</t>
    </rPh>
    <phoneticPr fontId="3"/>
  </si>
  <si>
    <t>モロッコ　           ポーランド　</t>
    <phoneticPr fontId="8"/>
  </si>
  <si>
    <t>４０ｇ　お祝い蓋</t>
    <rPh sb="5" eb="6">
      <t>イワ</t>
    </rPh>
    <rPh sb="7" eb="8">
      <t>フタ</t>
    </rPh>
    <phoneticPr fontId="3"/>
  </si>
  <si>
    <t>冷）牛乳プリン鉄強化　</t>
    <rPh sb="0" eb="1">
      <t>レイ</t>
    </rPh>
    <phoneticPr fontId="3"/>
  </si>
  <si>
    <t>冷）焼きプリンタルト　</t>
    <rPh sb="0" eb="1">
      <t>レイ</t>
    </rPh>
    <phoneticPr fontId="3"/>
  </si>
  <si>
    <t>アメリカ　宮城</t>
    <rPh sb="5" eb="7">
      <t>ミヤギ</t>
    </rPh>
    <phoneticPr fontId="8"/>
  </si>
  <si>
    <t>プロセスチーズ　</t>
    <phoneticPr fontId="3"/>
  </si>
  <si>
    <t>粉寒天　</t>
    <phoneticPr fontId="3"/>
  </si>
  <si>
    <t>伊那食品㈱</t>
    <rPh sb="0" eb="4">
      <t>イナショクヒン</t>
    </rPh>
    <phoneticPr fontId="8"/>
  </si>
  <si>
    <t>大分　長崎　       鹿児島</t>
    <rPh sb="0" eb="2">
      <t>オオイタ</t>
    </rPh>
    <rPh sb="3" eb="5">
      <t>ナガサキ</t>
    </rPh>
    <rPh sb="13" eb="16">
      <t>カゴシマ</t>
    </rPh>
    <phoneticPr fontId="8"/>
  </si>
  <si>
    <t>さきいか</t>
    <phoneticPr fontId="3"/>
  </si>
  <si>
    <t>ペルー</t>
    <phoneticPr fontId="8"/>
  </si>
  <si>
    <t>炊き込みわかめ　グルソー抜き</t>
    <phoneticPr fontId="3"/>
  </si>
  <si>
    <t>デュラムセモリナ粉</t>
    <rPh sb="8" eb="9">
      <t>コ</t>
    </rPh>
    <phoneticPr fontId="3"/>
  </si>
  <si>
    <t>ドライパセリ</t>
    <phoneticPr fontId="3"/>
  </si>
  <si>
    <t>５ｇ</t>
    <phoneticPr fontId="8"/>
  </si>
  <si>
    <t>中国　タイ</t>
    <rPh sb="0" eb="2">
      <t>チュウゴク</t>
    </rPh>
    <phoneticPr fontId="8"/>
  </si>
  <si>
    <t>くらこん</t>
    <phoneticPr fontId="8"/>
  </si>
  <si>
    <t>１０ｇ　        そら豆入り</t>
    <rPh sb="14" eb="15">
      <t>マメ</t>
    </rPh>
    <rPh sb="15" eb="16">
      <t>イ</t>
    </rPh>
    <phoneticPr fontId="3"/>
  </si>
  <si>
    <t>オーストラリア　</t>
    <phoneticPr fontId="8"/>
  </si>
  <si>
    <t>１５ｇ　        そら豆入り</t>
    <rPh sb="14" eb="15">
      <t>マメ</t>
    </rPh>
    <rPh sb="15" eb="16">
      <t>イ</t>
    </rPh>
    <phoneticPr fontId="3"/>
  </si>
  <si>
    <t>岩手　宮崎</t>
    <rPh sb="0" eb="2">
      <t>イワテ</t>
    </rPh>
    <rPh sb="3" eb="5">
      <t>ミヤザキ</t>
    </rPh>
    <phoneticPr fontId="8"/>
  </si>
  <si>
    <t>カナダ　            パキスタン</t>
    <phoneticPr fontId="8"/>
  </si>
  <si>
    <t>もみのり　</t>
    <phoneticPr fontId="3"/>
  </si>
  <si>
    <t>手巻きのり　袋入り</t>
    <rPh sb="6" eb="8">
      <t>フクロイ</t>
    </rPh>
    <phoneticPr fontId="3"/>
  </si>
  <si>
    <t>４枚入</t>
    <rPh sb="1" eb="3">
      <t>マイイ</t>
    </rPh>
    <phoneticPr fontId="3"/>
  </si>
  <si>
    <t>８ｇ</t>
    <phoneticPr fontId="3"/>
  </si>
  <si>
    <t>(有)中屋醸造所</t>
    <rPh sb="1" eb="2">
      <t>ユウ</t>
    </rPh>
    <rPh sb="3" eb="5">
      <t>ナカヤ</t>
    </rPh>
    <rPh sb="5" eb="8">
      <t>ジョウゾウショ</t>
    </rPh>
    <phoneticPr fontId="3"/>
  </si>
  <si>
    <t>白菜キムチ　ご飯用</t>
    <phoneticPr fontId="3"/>
  </si>
  <si>
    <t>棒々鶏ドレッシング　</t>
    <phoneticPr fontId="3"/>
  </si>
  <si>
    <t>ナフキン　</t>
    <phoneticPr fontId="3"/>
  </si>
  <si>
    <t xml:space="preserve">中華スープ  ねり状  </t>
    <phoneticPr fontId="3"/>
  </si>
  <si>
    <t>非常食  カレー（個装）</t>
    <phoneticPr fontId="3"/>
  </si>
  <si>
    <t>切りこんにゃく　５×５×２７　</t>
    <phoneticPr fontId="3"/>
  </si>
  <si>
    <t>波型こんにゃく　２×２×１　</t>
    <phoneticPr fontId="3"/>
  </si>
  <si>
    <t>発芽玄米　</t>
    <phoneticPr fontId="3"/>
  </si>
  <si>
    <t>ゆずかつおドレッシング　</t>
    <phoneticPr fontId="3"/>
  </si>
  <si>
    <t>ゆず酢　</t>
    <phoneticPr fontId="3"/>
  </si>
  <si>
    <t>焙煎ごまドレッシング　</t>
    <phoneticPr fontId="3"/>
  </si>
  <si>
    <t>フレンチドレッシング</t>
    <phoneticPr fontId="3"/>
  </si>
  <si>
    <t>非常食  白飯（個装）</t>
    <phoneticPr fontId="3"/>
  </si>
  <si>
    <t>㈱高畑精麦</t>
    <rPh sb="1" eb="5">
      <t>タカバタケセイバク</t>
    </rPh>
    <phoneticPr fontId="8"/>
  </si>
  <si>
    <t>千秋農産㈱</t>
    <rPh sb="0" eb="4">
      <t>チアキノウサン</t>
    </rPh>
    <phoneticPr fontId="8"/>
  </si>
  <si>
    <t>１．８Ｌ</t>
    <phoneticPr fontId="3"/>
  </si>
  <si>
    <t>５００ｇ</t>
    <phoneticPr fontId="3"/>
  </si>
  <si>
    <t>２００ｍｌ</t>
    <phoneticPr fontId="3"/>
  </si>
  <si>
    <t>８ｋｇ</t>
    <phoneticPr fontId="3"/>
  </si>
  <si>
    <t>１ｋｇ袋</t>
    <phoneticPr fontId="3"/>
  </si>
  <si>
    <t>１８００ｇ</t>
    <phoneticPr fontId="3"/>
  </si>
  <si>
    <t>３００ｇ</t>
    <phoneticPr fontId="3"/>
  </si>
  <si>
    <t>１９ｇ</t>
    <phoneticPr fontId="3"/>
  </si>
  <si>
    <t>牛赤肉　角切り</t>
    <rPh sb="1" eb="2">
      <t>アカ</t>
    </rPh>
    <rPh sb="2" eb="3">
      <t>ニク</t>
    </rPh>
    <rPh sb="4" eb="6">
      <t>カクギ</t>
    </rPh>
    <phoneticPr fontId="3"/>
  </si>
  <si>
    <t>牛赤肉　スライス</t>
    <rPh sb="1" eb="2">
      <t>アカ</t>
    </rPh>
    <phoneticPr fontId="3"/>
  </si>
  <si>
    <t>牛赤肉　ミンチ</t>
    <rPh sb="1" eb="2">
      <t>アカ</t>
    </rPh>
    <phoneticPr fontId="3"/>
  </si>
  <si>
    <t>牛肉 角切り</t>
    <rPh sb="3" eb="5">
      <t>カクギ</t>
    </rPh>
    <phoneticPr fontId="3"/>
  </si>
  <si>
    <t>牛肉 スライス</t>
    <phoneticPr fontId="3"/>
  </si>
  <si>
    <t>牛肉 ミンチ</t>
    <phoneticPr fontId="3"/>
  </si>
  <si>
    <t>豚赤肉　角切り</t>
    <rPh sb="1" eb="2">
      <t>アカ</t>
    </rPh>
    <rPh sb="4" eb="6">
      <t>カクギ</t>
    </rPh>
    <phoneticPr fontId="3"/>
  </si>
  <si>
    <t>豚赤肉　ミンチ</t>
    <rPh sb="1" eb="2">
      <t>アカ</t>
    </rPh>
    <phoneticPr fontId="3"/>
  </si>
  <si>
    <t>豚肉　ミンチ</t>
    <phoneticPr fontId="3"/>
  </si>
  <si>
    <t>鶏肉カット　もも　皮なし</t>
    <phoneticPr fontId="3"/>
  </si>
  <si>
    <t>鶏肉カット　胸　皮なし</t>
    <phoneticPr fontId="3"/>
  </si>
  <si>
    <t>鶏肉　もも　皮なし　唐揚げ用</t>
    <phoneticPr fontId="3"/>
  </si>
  <si>
    <t>鶏肉　胸　皮なし　唐揚げ用</t>
    <phoneticPr fontId="3"/>
  </si>
  <si>
    <t>型抜きかまぼこ（桜）</t>
  </si>
  <si>
    <t>冷）さばの生姜煮　</t>
    <rPh sb="0" eb="1">
      <t>レイ</t>
    </rPh>
    <phoneticPr fontId="3"/>
  </si>
  <si>
    <t>しじみ佃煮　</t>
    <phoneticPr fontId="3"/>
  </si>
  <si>
    <t>ホールコーン　レトルト</t>
    <phoneticPr fontId="3"/>
  </si>
  <si>
    <t>冷）さごし　</t>
    <rPh sb="0" eb="1">
      <t>レイ</t>
    </rPh>
    <phoneticPr fontId="3"/>
  </si>
  <si>
    <t>新たけのこボイル　カット　</t>
    <phoneticPr fontId="3"/>
  </si>
  <si>
    <t>新たけのこボイル　ホール　</t>
    <phoneticPr fontId="3"/>
  </si>
  <si>
    <t>ベーコン　短冊　冷蔵</t>
  </si>
  <si>
    <t>花かつお　砕片　</t>
    <phoneticPr fontId="3"/>
  </si>
  <si>
    <t>赤身90%以上　もも</t>
    <phoneticPr fontId="3"/>
  </si>
  <si>
    <t>赤身80％以上 もも</t>
    <phoneticPr fontId="3"/>
  </si>
  <si>
    <t>１～３ｃｍカット</t>
    <phoneticPr fontId="3"/>
  </si>
  <si>
    <t>２～３ｃｍカット</t>
    <phoneticPr fontId="3"/>
  </si>
  <si>
    <t>５００ｇ袋</t>
    <rPh sb="4" eb="5">
      <t>フクロ</t>
    </rPh>
    <phoneticPr fontId="3"/>
  </si>
  <si>
    <t>４５０ｇ</t>
    <phoneticPr fontId="3"/>
  </si>
  <si>
    <t>マカロニ（シエル）</t>
  </si>
  <si>
    <t>香川県漁連</t>
    <rPh sb="0" eb="5">
      <t>カガワケンギョレン</t>
    </rPh>
    <phoneticPr fontId="8"/>
  </si>
  <si>
    <t>みたけ食品㈱</t>
    <rPh sb="3" eb="5">
      <t>ショクヒン</t>
    </rPh>
    <phoneticPr fontId="8"/>
  </si>
  <si>
    <t>竹本油脂㈱</t>
    <rPh sb="0" eb="4">
      <t>タケモトユシ</t>
    </rPh>
    <phoneticPr fontId="8"/>
  </si>
  <si>
    <t>チャツネ　</t>
    <phoneticPr fontId="3"/>
  </si>
  <si>
    <t>トマトパウダー　</t>
    <phoneticPr fontId="3"/>
  </si>
  <si>
    <t>韓国ナムルドレッシング　</t>
    <rPh sb="0" eb="2">
      <t>カンコク</t>
    </rPh>
    <phoneticPr fontId="3"/>
  </si>
  <si>
    <t>冷）ブロッコリー　</t>
    <rPh sb="0" eb="1">
      <t>レイ</t>
    </rPh>
    <phoneticPr fontId="3"/>
  </si>
  <si>
    <t>冷）野菜マフィン（個装）</t>
    <rPh sb="0" eb="1">
      <t>レイ</t>
    </rPh>
    <phoneticPr fontId="3"/>
  </si>
  <si>
    <t>（有）中屋味噌</t>
    <rPh sb="1" eb="2">
      <t>ユウ</t>
    </rPh>
    <rPh sb="3" eb="7">
      <t>ナカヤミソ</t>
    </rPh>
    <phoneticPr fontId="8"/>
  </si>
  <si>
    <t>鶏肉　もも　皮付き切り込み入り</t>
    <phoneticPr fontId="3"/>
  </si>
  <si>
    <t>冷）白いんげん豆ペースト</t>
    <rPh sb="0" eb="1">
      <t>レイ</t>
    </rPh>
    <phoneticPr fontId="3"/>
  </si>
  <si>
    <t>冷）むき枝豆</t>
    <rPh sb="0" eb="1">
      <t>レイ</t>
    </rPh>
    <phoneticPr fontId="3"/>
  </si>
  <si>
    <t>えのきたけ　１／２カット　</t>
    <phoneticPr fontId="3"/>
  </si>
  <si>
    <t>チーズ鉄強化（個装）</t>
    <phoneticPr fontId="3"/>
  </si>
  <si>
    <t>りんご酢　</t>
    <phoneticPr fontId="3"/>
  </si>
  <si>
    <t>クリームコーン　レトルト</t>
    <phoneticPr fontId="3"/>
  </si>
  <si>
    <t>カステラ（個装）</t>
  </si>
  <si>
    <t>食用油　菜種白絞油　ローリー</t>
  </si>
  <si>
    <t>冷）鮭　２㎝角切</t>
    <rPh sb="0" eb="1">
      <t>レイ</t>
    </rPh>
    <phoneticPr fontId="3"/>
  </si>
  <si>
    <t>チルド）鮭　２㎝角切</t>
    <phoneticPr fontId="3"/>
  </si>
  <si>
    <t>チルド）さわら　</t>
    <phoneticPr fontId="3"/>
  </si>
  <si>
    <t>冷）いももち　</t>
    <rPh sb="0" eb="1">
      <t>レイ</t>
    </rPh>
    <phoneticPr fontId="3"/>
  </si>
  <si>
    <t>冷）カリフラワー　</t>
    <rPh sb="0" eb="1">
      <t>レイ</t>
    </rPh>
    <phoneticPr fontId="3"/>
  </si>
  <si>
    <t>冷）牛乳プリン鉄分強化　</t>
    <rPh sb="0" eb="1">
      <t>レイ</t>
    </rPh>
    <phoneticPr fontId="3"/>
  </si>
  <si>
    <t>ボンレスハム　短冊　卵ぬき</t>
  </si>
  <si>
    <t>ささみ油漬　レトルト　フレーク</t>
  </si>
  <si>
    <t>谷尾食糧㈱</t>
    <rPh sb="0" eb="2">
      <t>タニオ</t>
    </rPh>
    <rPh sb="2" eb="4">
      <t>ショクリョウ</t>
    </rPh>
    <phoneticPr fontId="8"/>
  </si>
  <si>
    <t>㈱たんばや製菓</t>
    <rPh sb="5" eb="7">
      <t>セイカ</t>
    </rPh>
    <phoneticPr fontId="8"/>
  </si>
  <si>
    <t>笠原産業㈱</t>
    <rPh sb="0" eb="4">
      <t>カサハラサンギョウ</t>
    </rPh>
    <phoneticPr fontId="8"/>
  </si>
  <si>
    <t>日新製糖㈱</t>
    <rPh sb="0" eb="2">
      <t>ニッシン</t>
    </rPh>
    <rPh sb="2" eb="4">
      <t>セイトウ</t>
    </rPh>
    <phoneticPr fontId="8"/>
  </si>
  <si>
    <t>１３．５ｇ</t>
    <phoneticPr fontId="3"/>
  </si>
  <si>
    <t>きたろまん</t>
    <phoneticPr fontId="8"/>
  </si>
  <si>
    <t>２００ｇ袋</t>
    <rPh sb="4" eb="5">
      <t>フクロ</t>
    </rPh>
    <phoneticPr fontId="8"/>
  </si>
  <si>
    <t>１６．５ｋｇ</t>
    <phoneticPr fontId="3"/>
  </si>
  <si>
    <t>ＪＡ香川県</t>
    <rPh sb="2" eb="5">
      <t>カガワケン</t>
    </rPh>
    <phoneticPr fontId="8"/>
  </si>
  <si>
    <t>ポン酢　</t>
    <phoneticPr fontId="3"/>
  </si>
  <si>
    <t>１０Ｌ</t>
    <phoneticPr fontId="3"/>
  </si>
  <si>
    <t>０．２Ｌ</t>
    <phoneticPr fontId="3"/>
  </si>
  <si>
    <t>８枚切×２枚入</t>
    <phoneticPr fontId="3"/>
  </si>
  <si>
    <t>１０ｍｌ</t>
    <phoneticPr fontId="3"/>
  </si>
  <si>
    <t>２５ｇ</t>
    <phoneticPr fontId="3"/>
  </si>
  <si>
    <t>青じそドレッシング（個装）</t>
    <rPh sb="10" eb="12">
      <t>コソウ</t>
    </rPh>
    <phoneticPr fontId="3"/>
  </si>
  <si>
    <t>８ｍｌ</t>
    <phoneticPr fontId="3"/>
  </si>
  <si>
    <t>和風ドレッシング（個装）</t>
    <phoneticPr fontId="3"/>
  </si>
  <si>
    <t>㈱吉良清商店</t>
    <rPh sb="1" eb="6">
      <t>キラキヨシショウテン</t>
    </rPh>
    <phoneticPr fontId="3"/>
  </si>
  <si>
    <t>㈱航立</t>
    <rPh sb="1" eb="3">
      <t>コウリツ</t>
    </rPh>
    <phoneticPr fontId="8"/>
  </si>
  <si>
    <t>花かつお　</t>
    <phoneticPr fontId="3"/>
  </si>
  <si>
    <t>２０ｇ</t>
    <phoneticPr fontId="3"/>
  </si>
  <si>
    <t>１ｋｇ袋</t>
    <rPh sb="3" eb="4">
      <t>フクロ</t>
    </rPh>
    <phoneticPr fontId="8"/>
  </si>
  <si>
    <t>赤身90％以上　　　　　　　もも･うで･カタロース</t>
    <phoneticPr fontId="3"/>
  </si>
  <si>
    <t>赤身80％以上　　　　　　　もも･うで･カタロース</t>
    <phoneticPr fontId="3"/>
  </si>
  <si>
    <t>ＪＡ香川県フードサービス</t>
    <rPh sb="2" eb="5">
      <t>カガワケン</t>
    </rPh>
    <phoneticPr fontId="3"/>
  </si>
  <si>
    <t>㈱池田商店</t>
    <rPh sb="1" eb="3">
      <t>イケダ</t>
    </rPh>
    <rPh sb="3" eb="5">
      <t>ショウテン</t>
    </rPh>
    <phoneticPr fontId="3"/>
  </si>
  <si>
    <t>冷）レモン果汁　</t>
    <rPh sb="0" eb="1">
      <t>レイ</t>
    </rPh>
    <phoneticPr fontId="3"/>
  </si>
  <si>
    <t>冷）鶏肉１×１　胸皮なし　</t>
    <rPh sb="0" eb="1">
      <t>レイ</t>
    </rPh>
    <phoneticPr fontId="3"/>
  </si>
  <si>
    <t>冷）鶏肉２×２　胸皮なし　</t>
    <rPh sb="0" eb="1">
      <t>レイ</t>
    </rPh>
    <phoneticPr fontId="3"/>
  </si>
  <si>
    <t>冷）鶏肉１×１　もも皮なし　</t>
    <rPh sb="0" eb="1">
      <t>レイ</t>
    </rPh>
    <phoneticPr fontId="3"/>
  </si>
  <si>
    <t>冷）鶏肉２×２　もも皮なし　</t>
    <rPh sb="0" eb="1">
      <t>レイ</t>
    </rPh>
    <phoneticPr fontId="3"/>
  </si>
  <si>
    <t>濃口醤油 ペットボトル</t>
    <phoneticPr fontId="3"/>
  </si>
  <si>
    <t>淡口醤油 ペットボトル</t>
    <phoneticPr fontId="3"/>
  </si>
  <si>
    <t>カレー粉　</t>
    <phoneticPr fontId="3"/>
  </si>
  <si>
    <t>コーンスターチ</t>
  </si>
  <si>
    <t>白菜キムチ　</t>
    <phoneticPr fontId="3"/>
  </si>
  <si>
    <t>おかかふりかけ（個装・２８品目フリー）</t>
    <phoneticPr fontId="3"/>
  </si>
  <si>
    <t>チリパウダー　</t>
    <phoneticPr fontId="3"/>
  </si>
  <si>
    <t>みかんジュース　</t>
    <phoneticPr fontId="3"/>
  </si>
  <si>
    <t>紙パック容器  小判３号　</t>
    <phoneticPr fontId="3"/>
  </si>
  <si>
    <t>紙パック容器  小判４号　</t>
    <phoneticPr fontId="3"/>
  </si>
  <si>
    <t>麦みそ樽入り　　</t>
    <phoneticPr fontId="3"/>
  </si>
  <si>
    <t>トマトケチャップ（個装）</t>
    <rPh sb="9" eb="11">
      <t>コソウ</t>
    </rPh>
    <phoneticPr fontId="3"/>
  </si>
  <si>
    <t>ＤＰ）ケチャップ＆マスタード　（個装）</t>
    <phoneticPr fontId="3"/>
  </si>
  <si>
    <t>かんきつドレッシング　１Ｌ　</t>
    <phoneticPr fontId="3"/>
  </si>
  <si>
    <t>かんきつドレッシング（個装）</t>
    <rPh sb="11" eb="13">
      <t>コソウ</t>
    </rPh>
    <phoneticPr fontId="3"/>
  </si>
  <si>
    <t>ゆずかつおドレッシング　　（個装）</t>
    <phoneticPr fontId="3"/>
  </si>
  <si>
    <t>韓国ナムルドレッシング　　（個装）</t>
    <rPh sb="0" eb="2">
      <t>カンコク</t>
    </rPh>
    <phoneticPr fontId="3"/>
  </si>
  <si>
    <t>香味玉ねぎドレッシング</t>
    <rPh sb="0" eb="3">
      <t>コウミタマ</t>
    </rPh>
    <phoneticPr fontId="3"/>
  </si>
  <si>
    <t>香味玉ねぎドレッシング　　　（個装）</t>
    <rPh sb="0" eb="3">
      <t>コウミタマ</t>
    </rPh>
    <rPh sb="15" eb="17">
      <t>コソウ</t>
    </rPh>
    <phoneticPr fontId="3"/>
  </si>
  <si>
    <t>冷）ぶどうゼリー　</t>
    <rPh sb="0" eb="1">
      <t>レイ</t>
    </rPh>
    <phoneticPr fontId="3"/>
  </si>
  <si>
    <t>みりん　本みりん　</t>
    <phoneticPr fontId="3"/>
  </si>
  <si>
    <t>ガーリックパウダー</t>
    <phoneticPr fontId="3"/>
  </si>
  <si>
    <t>いちごジャム（個装）</t>
    <phoneticPr fontId="3"/>
  </si>
  <si>
    <t>無洗米　</t>
    <phoneticPr fontId="3"/>
  </si>
  <si>
    <t>イタリアンドレッシング　</t>
    <phoneticPr fontId="3"/>
  </si>
  <si>
    <t>イタリアンドレッシング（個装）</t>
    <rPh sb="12" eb="14">
      <t>コソウ</t>
    </rPh>
    <phoneticPr fontId="3"/>
  </si>
  <si>
    <t>焙煎ごまドレッシング（個装）</t>
    <rPh sb="11" eb="13">
      <t>コソウ</t>
    </rPh>
    <phoneticPr fontId="3"/>
  </si>
  <si>
    <t>棒々鶏ドレッシング（個装）</t>
    <rPh sb="10" eb="12">
      <t>コソウ</t>
    </rPh>
    <phoneticPr fontId="3"/>
  </si>
  <si>
    <t>和風ドレッシング　</t>
    <phoneticPr fontId="3"/>
  </si>
  <si>
    <t>フレンチドレッシング（個装）</t>
    <phoneticPr fontId="3"/>
  </si>
  <si>
    <t>箱</t>
  </si>
  <si>
    <t>６枚切×１枚入</t>
    <phoneticPr fontId="3"/>
  </si>
  <si>
    <t>１．８Ｌ</t>
  </si>
  <si>
    <t>１０ｇ</t>
    <phoneticPr fontId="8"/>
  </si>
  <si>
    <t>２００ｇ袋</t>
    <rPh sb="4" eb="5">
      <t>フクロ</t>
    </rPh>
    <phoneticPr fontId="3"/>
  </si>
  <si>
    <t>１０枚入り</t>
    <rPh sb="2" eb="3">
      <t>マイ</t>
    </rPh>
    <rPh sb="3" eb="4">
      <t>イ</t>
    </rPh>
    <phoneticPr fontId="3"/>
  </si>
  <si>
    <t xml:space="preserve">１２５ｍｌ </t>
    <phoneticPr fontId="3"/>
  </si>
  <si>
    <t xml:space="preserve">３００枚入り </t>
    <phoneticPr fontId="3"/>
  </si>
  <si>
    <t xml:space="preserve">２５０枚入り </t>
    <phoneticPr fontId="3"/>
  </si>
  <si>
    <t>１ｋｇ袋　</t>
    <phoneticPr fontId="3"/>
  </si>
  <si>
    <t>８ｍｌ</t>
    <phoneticPr fontId="8"/>
  </si>
  <si>
    <t>１０ｍｌ</t>
    <phoneticPr fontId="8"/>
  </si>
  <si>
    <t>２Ｌ</t>
    <phoneticPr fontId="3"/>
  </si>
  <si>
    <t>５００ｇ/本</t>
    <rPh sb="5" eb="6">
      <t>ホン</t>
    </rPh>
    <phoneticPr fontId="3"/>
  </si>
  <si>
    <t>大川北部にんにく 部会女性部</t>
    <rPh sb="0" eb="2">
      <t>オオカワ</t>
    </rPh>
    <rPh sb="2" eb="4">
      <t>ホクブ</t>
    </rPh>
    <rPh sb="9" eb="11">
      <t>ブカイ</t>
    </rPh>
    <rPh sb="11" eb="14">
      <t>ジョセイブ</t>
    </rPh>
    <phoneticPr fontId="8"/>
  </si>
  <si>
    <t>（有）西田澱粉工場</t>
    <rPh sb="1" eb="2">
      <t>ユウ</t>
    </rPh>
    <rPh sb="3" eb="5">
      <t>ニシダ</t>
    </rPh>
    <rPh sb="5" eb="9">
      <t>デンプンコウジョウ</t>
    </rPh>
    <phoneticPr fontId="8"/>
  </si>
  <si>
    <t>ユウキ食品工業㈱</t>
    <rPh sb="3" eb="8">
      <t>ショクヒンコウギョウカブ</t>
    </rPh>
    <phoneticPr fontId="8"/>
  </si>
  <si>
    <t>㈱盛田</t>
    <rPh sb="1" eb="3">
      <t>モリタ</t>
    </rPh>
    <phoneticPr fontId="8"/>
  </si>
  <si>
    <t>日本海水</t>
    <rPh sb="0" eb="4">
      <t>ニホンカイスイ</t>
    </rPh>
    <phoneticPr fontId="8"/>
  </si>
  <si>
    <t>ハウスギャバン㈱</t>
    <phoneticPr fontId="8"/>
  </si>
  <si>
    <t>㈱ＪＡ香川県フードサービス</t>
    <rPh sb="3" eb="6">
      <t>カガワケン</t>
    </rPh>
    <phoneticPr fontId="8"/>
  </si>
  <si>
    <t>㈱上万糧食</t>
    <rPh sb="1" eb="5">
      <t>ジョウマンリョウショク</t>
    </rPh>
    <phoneticPr fontId="8"/>
  </si>
  <si>
    <t>フンドーキン醤油㈱</t>
    <rPh sb="6" eb="8">
      <t>ショウユ</t>
    </rPh>
    <phoneticPr fontId="8"/>
  </si>
  <si>
    <t>ブルドッグソース㈱</t>
    <phoneticPr fontId="8"/>
  </si>
  <si>
    <t>大黒工業㈱</t>
    <rPh sb="0" eb="4">
      <t>ダイコクコウギョウ</t>
    </rPh>
    <phoneticPr fontId="8"/>
  </si>
  <si>
    <t>四国乳業㈱</t>
    <rPh sb="0" eb="2">
      <t>シコク</t>
    </rPh>
    <rPh sb="2" eb="4">
      <t>ニュウギョウ</t>
    </rPh>
    <phoneticPr fontId="8"/>
  </si>
  <si>
    <t>㈱創味食品㈱</t>
    <rPh sb="1" eb="3">
      <t>ソウミ</t>
    </rPh>
    <rPh sb="3" eb="5">
      <t>ショクヒン</t>
    </rPh>
    <phoneticPr fontId="8"/>
  </si>
  <si>
    <t>（有）丸尾醸造所</t>
    <rPh sb="1" eb="2">
      <t>ユウ</t>
    </rPh>
    <rPh sb="3" eb="8">
      <t>マルオジョウゾウショ</t>
    </rPh>
    <phoneticPr fontId="8"/>
  </si>
  <si>
    <t>冷）白いんげん豆　</t>
    <rPh sb="0" eb="1">
      <t>レイ</t>
    </rPh>
    <phoneticPr fontId="3"/>
  </si>
  <si>
    <t>カットなると　３㎜　冷蔵</t>
    <phoneticPr fontId="3"/>
  </si>
  <si>
    <t>型抜きかまぼこ（小菊）</t>
  </si>
  <si>
    <t>冷）さばのみそ煮</t>
    <rPh sb="0" eb="1">
      <t>レイ</t>
    </rPh>
    <phoneticPr fontId="3"/>
  </si>
  <si>
    <t>冷）太刀魚澱粉付き　</t>
    <rPh sb="0" eb="1">
      <t>レイ</t>
    </rPh>
    <phoneticPr fontId="3"/>
  </si>
  <si>
    <t>冷）いわし　一口カット澱粉付き</t>
    <rPh sb="0" eb="1">
      <t>レイ</t>
    </rPh>
    <phoneticPr fontId="3"/>
  </si>
  <si>
    <t>冷）カクテルゼリー</t>
    <rPh sb="0" eb="1">
      <t>レイ</t>
    </rPh>
    <phoneticPr fontId="3"/>
  </si>
  <si>
    <t>ミニトマト　袋入り</t>
    <rPh sb="6" eb="7">
      <t>フクロ</t>
    </rPh>
    <phoneticPr fontId="3"/>
  </si>
  <si>
    <t>にんにく　皮むき　</t>
    <phoneticPr fontId="3"/>
  </si>
  <si>
    <t>れんこん　イチョウ</t>
    <phoneticPr fontId="3"/>
  </si>
  <si>
    <t>清見オレンジ（個装）</t>
    <phoneticPr fontId="3"/>
  </si>
  <si>
    <t>生しいたけ　スライス</t>
    <phoneticPr fontId="3"/>
  </si>
  <si>
    <t>ミニカクテルウインナー　冷蔵</t>
  </si>
  <si>
    <t>スライスチーズ（鉄・Ｃａ強化）</t>
    <phoneticPr fontId="3"/>
  </si>
  <si>
    <t>有塩バター　</t>
    <phoneticPr fontId="3"/>
  </si>
  <si>
    <t>冷）いちごマフィン（個装）　</t>
    <rPh sb="0" eb="1">
      <t>レイ</t>
    </rPh>
    <phoneticPr fontId="3"/>
  </si>
  <si>
    <t>白ごま　５００ｇ　炒り</t>
  </si>
  <si>
    <t>味付けもみのり　５～１０㎜幅　　</t>
    <phoneticPr fontId="3"/>
  </si>
  <si>
    <t>粉かつお　袋入り</t>
    <rPh sb="6" eb="7">
      <t>イ</t>
    </rPh>
    <phoneticPr fontId="3"/>
  </si>
  <si>
    <t>ビーフン　カット</t>
    <phoneticPr fontId="3"/>
  </si>
  <si>
    <t>はちみつ　百花</t>
    <phoneticPr fontId="3"/>
  </si>
  <si>
    <t>炊き込み赤飯の素　</t>
    <phoneticPr fontId="3"/>
  </si>
  <si>
    <t>和三盆糖</t>
    <phoneticPr fontId="3"/>
  </si>
  <si>
    <t>ふき水煮ロング　</t>
    <phoneticPr fontId="3"/>
  </si>
  <si>
    <t>冷）白身魚フライ</t>
    <rPh sb="0" eb="1">
      <t>レイ</t>
    </rPh>
    <phoneticPr fontId="3"/>
  </si>
  <si>
    <t>冷）大豆水煮　</t>
    <rPh sb="0" eb="1">
      <t>レイ</t>
    </rPh>
    <phoneticPr fontId="3"/>
  </si>
  <si>
    <t>冷）さやいんげん　　</t>
    <rPh sb="0" eb="1">
      <t>レイ</t>
    </rPh>
    <phoneticPr fontId="3"/>
  </si>
  <si>
    <t>冷）豆腐（カット）</t>
    <rPh sb="0" eb="1">
      <t>レイ</t>
    </rPh>
    <phoneticPr fontId="3"/>
  </si>
  <si>
    <t>冷）厚揚げ（カット）</t>
    <rPh sb="0" eb="1">
      <t>レイ</t>
    </rPh>
    <phoneticPr fontId="3"/>
  </si>
  <si>
    <t>冷）焼き豆腐（カット）</t>
    <rPh sb="0" eb="1">
      <t>レイ</t>
    </rPh>
    <phoneticPr fontId="3"/>
  </si>
  <si>
    <t>冷）柏餅　</t>
    <rPh sb="0" eb="1">
      <t>レイ</t>
    </rPh>
    <phoneticPr fontId="3"/>
  </si>
  <si>
    <t>冷）いちごゼリー</t>
    <rPh sb="0" eb="1">
      <t>レイ</t>
    </rPh>
    <phoneticPr fontId="3"/>
  </si>
  <si>
    <t>たけのこボイル　短冊切り</t>
    <phoneticPr fontId="3"/>
  </si>
  <si>
    <t>たけのこボイル　ご飯用カット</t>
    <phoneticPr fontId="3"/>
  </si>
  <si>
    <t>粗挽きウインナーカット　輪切り</t>
    <phoneticPr fontId="3"/>
  </si>
  <si>
    <t>皮付き粗挽ウインナー　</t>
    <phoneticPr fontId="3"/>
  </si>
  <si>
    <t>高野豆腐　サイコロ（小）</t>
  </si>
  <si>
    <t>茎わかめ　カット　乾燥　国産　</t>
    <phoneticPr fontId="3"/>
  </si>
  <si>
    <t>みかん　レトルト</t>
    <phoneticPr fontId="3"/>
  </si>
  <si>
    <t>パインアップル　チビット　レトルト</t>
    <phoneticPr fontId="3"/>
  </si>
  <si>
    <t>黄桃　ダイス　レトルト</t>
    <phoneticPr fontId="3"/>
  </si>
  <si>
    <t>マッシュルーム　レトルト</t>
    <phoneticPr fontId="3"/>
  </si>
  <si>
    <t>サラダ油　菜種１００　</t>
    <phoneticPr fontId="3"/>
  </si>
  <si>
    <t>５００ｇ袋</t>
    <phoneticPr fontId="8"/>
  </si>
  <si>
    <t>１／４カット</t>
    <phoneticPr fontId="3"/>
  </si>
  <si>
    <t>３５ｇ</t>
    <phoneticPr fontId="8"/>
  </si>
  <si>
    <t>５㎏袋</t>
    <phoneticPr fontId="3"/>
  </si>
  <si>
    <t>２００ｇ</t>
    <phoneticPr fontId="8"/>
  </si>
  <si>
    <t>１００ｇ袋</t>
    <phoneticPr fontId="3"/>
  </si>
  <si>
    <t>３５ｇ袋</t>
    <rPh sb="3" eb="4">
      <t>フクロ</t>
    </rPh>
    <phoneticPr fontId="8"/>
  </si>
  <si>
    <t>３ｋｇ</t>
    <phoneticPr fontId="8"/>
  </si>
  <si>
    <t>固形量７００ｇ　１ｋｇ袋</t>
    <rPh sb="0" eb="3">
      <t>コケイリョウ</t>
    </rPh>
    <rPh sb="11" eb="12">
      <t>フクロ</t>
    </rPh>
    <phoneticPr fontId="3"/>
  </si>
  <si>
    <t>固形量１ｋｇ</t>
    <rPh sb="0" eb="3">
      <t>コケイリョウ</t>
    </rPh>
    <phoneticPr fontId="8"/>
  </si>
  <si>
    <t>２００ｇ袋</t>
    <phoneticPr fontId="3"/>
  </si>
  <si>
    <t>カネ上㈱</t>
    <rPh sb="2" eb="3">
      <t>ジョウ</t>
    </rPh>
    <phoneticPr fontId="8"/>
  </si>
  <si>
    <t>共栄冷凍㈱</t>
    <rPh sb="0" eb="4">
      <t>キョウエイレイトウ</t>
    </rPh>
    <phoneticPr fontId="8"/>
  </si>
  <si>
    <t>㈱池田商店</t>
    <rPh sb="1" eb="5">
      <t>イケダショウテン</t>
    </rPh>
    <phoneticPr fontId="8"/>
  </si>
  <si>
    <t>マリンフード㈱</t>
    <phoneticPr fontId="8"/>
  </si>
  <si>
    <t>㈱ヤヨイサンフーズ</t>
    <phoneticPr fontId="8"/>
  </si>
  <si>
    <t>第一糖業㈱</t>
    <rPh sb="0" eb="4">
      <t>ダイイチトウギョウ</t>
    </rPh>
    <phoneticPr fontId="8"/>
  </si>
  <si>
    <t>Ｊオイルミルズ</t>
    <phoneticPr fontId="8"/>
  </si>
  <si>
    <t>理研農産㈱</t>
    <rPh sb="0" eb="4">
      <t>リケンノウサン</t>
    </rPh>
    <phoneticPr fontId="8"/>
  </si>
  <si>
    <t>加藤製油㈱</t>
    <rPh sb="0" eb="4">
      <t>カトウセイユ</t>
    </rPh>
    <phoneticPr fontId="8"/>
  </si>
  <si>
    <t>マルトモ</t>
    <phoneticPr fontId="8"/>
  </si>
  <si>
    <t>中田養蜂</t>
    <rPh sb="0" eb="4">
      <t>ナカタヨウホウ</t>
    </rPh>
    <phoneticPr fontId="8"/>
  </si>
  <si>
    <t>ばいこう堂</t>
    <rPh sb="4" eb="5">
      <t>ドウ</t>
    </rPh>
    <phoneticPr fontId="8"/>
  </si>
  <si>
    <t>千秋農産㈱</t>
    <rPh sb="0" eb="5">
      <t>チアキノウサンカブ</t>
    </rPh>
    <phoneticPr fontId="8"/>
  </si>
  <si>
    <t>大島食品㈱</t>
    <rPh sb="0" eb="5">
      <t>オオシマショクヒンカブ</t>
    </rPh>
    <phoneticPr fontId="8"/>
  </si>
  <si>
    <t>○</t>
    <phoneticPr fontId="3"/>
  </si>
  <si>
    <t>令和6年度年間契約物資単価表(消費税及び地方消費税込み単価）</t>
    <rPh sb="0" eb="2">
      <t>レイワ</t>
    </rPh>
    <rPh sb="3" eb="5">
      <t>ネンド</t>
    </rPh>
    <rPh sb="4" eb="5">
      <t>ド</t>
    </rPh>
    <phoneticPr fontId="3"/>
  </si>
  <si>
    <t>ＪＡ神山</t>
    <rPh sb="2" eb="4">
      <t>カミヤマ</t>
    </rPh>
    <phoneticPr fontId="8"/>
  </si>
  <si>
    <t>０．３Ｌ</t>
    <phoneticPr fontId="3"/>
  </si>
  <si>
    <t>フジスコ㈱</t>
    <phoneticPr fontId="8"/>
  </si>
  <si>
    <t>０．１Ｌ</t>
    <phoneticPr fontId="3"/>
  </si>
  <si>
    <t>ベトナム　中国</t>
    <rPh sb="5" eb="7">
      <t>チュウゴク</t>
    </rPh>
    <phoneticPr fontId="8"/>
  </si>
  <si>
    <t>インド　日本</t>
    <rPh sb="4" eb="6">
      <t>ニホン</t>
    </rPh>
    <phoneticPr fontId="8"/>
  </si>
  <si>
    <t>日本　韓国</t>
    <rPh sb="0" eb="2">
      <t>ニホン</t>
    </rPh>
    <rPh sb="3" eb="5">
      <t>カンコク</t>
    </rPh>
    <phoneticPr fontId="8"/>
  </si>
  <si>
    <t>香川　兵庫</t>
    <rPh sb="0" eb="2">
      <t>カガワ</t>
    </rPh>
    <rPh sb="3" eb="5">
      <t>ヒョウゴ</t>
    </rPh>
    <phoneticPr fontId="8"/>
  </si>
  <si>
    <t>マルカン酢㈱</t>
    <rPh sb="4" eb="5">
      <t>ス</t>
    </rPh>
    <phoneticPr fontId="8"/>
  </si>
  <si>
    <t>日本　アメリカ</t>
    <rPh sb="0" eb="2">
      <t>ニホン</t>
    </rPh>
    <phoneticPr fontId="8"/>
  </si>
  <si>
    <t>㈱山清</t>
    <rPh sb="1" eb="3">
      <t>ヤマセイ</t>
    </rPh>
    <phoneticPr fontId="8"/>
  </si>
  <si>
    <t>カナダ　インド　</t>
    <phoneticPr fontId="8"/>
  </si>
  <si>
    <t>㈱ミツカン</t>
    <phoneticPr fontId="8"/>
  </si>
  <si>
    <t>日本　中国</t>
    <rPh sb="0" eb="2">
      <t>ニホン</t>
    </rPh>
    <rPh sb="3" eb="5">
      <t>チュウゴク</t>
    </rPh>
    <phoneticPr fontId="8"/>
  </si>
  <si>
    <t>０．３６Ｌ</t>
    <phoneticPr fontId="3"/>
  </si>
  <si>
    <t>アメリカ　南アフリカ</t>
    <rPh sb="5" eb="6">
      <t>ミナミ</t>
    </rPh>
    <phoneticPr fontId="8"/>
  </si>
  <si>
    <t>熊本　鹿児島</t>
    <rPh sb="0" eb="2">
      <t>クマモト</t>
    </rPh>
    <rPh sb="3" eb="6">
      <t>カゴシマ</t>
    </rPh>
    <phoneticPr fontId="8"/>
  </si>
  <si>
    <t>３ｋｇ袋</t>
    <rPh sb="3" eb="4">
      <t>フクロ</t>
    </rPh>
    <phoneticPr fontId="3"/>
  </si>
  <si>
    <t>熊本　千葉</t>
    <rPh sb="0" eb="2">
      <t>クマモト</t>
    </rPh>
    <rPh sb="3" eb="5">
      <t>チバ</t>
    </rPh>
    <phoneticPr fontId="8"/>
  </si>
  <si>
    <t>アリアケジャパン㈱</t>
    <phoneticPr fontId="8"/>
  </si>
  <si>
    <t>九州</t>
    <rPh sb="0" eb="2">
      <t>キュウシュウ</t>
    </rPh>
    <phoneticPr fontId="8"/>
  </si>
  <si>
    <t>スペイン　ポルトガル</t>
    <phoneticPr fontId="3"/>
  </si>
  <si>
    <t>トルコ</t>
    <phoneticPr fontId="8"/>
  </si>
  <si>
    <t>北海道　熊本</t>
    <rPh sb="0" eb="3">
      <t>ホッカイドウ</t>
    </rPh>
    <rPh sb="4" eb="6">
      <t>クマモト</t>
    </rPh>
    <phoneticPr fontId="8"/>
  </si>
  <si>
    <t>イケヤインター   コマース㈱</t>
    <phoneticPr fontId="8"/>
  </si>
  <si>
    <t>アルファー食品㈱</t>
    <rPh sb="5" eb="7">
      <t>ショクヒン</t>
    </rPh>
    <phoneticPr fontId="8"/>
  </si>
  <si>
    <t>富山　山形</t>
    <rPh sb="0" eb="2">
      <t>トヤマ</t>
    </rPh>
    <rPh sb="3" eb="5">
      <t>ヤマガタ</t>
    </rPh>
    <phoneticPr fontId="8"/>
  </si>
  <si>
    <t>香川　中国</t>
    <rPh sb="0" eb="2">
      <t>カガワ</t>
    </rPh>
    <rPh sb="3" eb="5">
      <t>チュウゴク</t>
    </rPh>
    <phoneticPr fontId="8"/>
  </si>
  <si>
    <t>群馬　中国</t>
    <rPh sb="0" eb="2">
      <t>グンマ</t>
    </rPh>
    <rPh sb="3" eb="5">
      <t>チュウゴク</t>
    </rPh>
    <phoneticPr fontId="8"/>
  </si>
  <si>
    <t>中国　チリ</t>
    <rPh sb="0" eb="2">
      <t>チュウゴク</t>
    </rPh>
    <phoneticPr fontId="8"/>
  </si>
  <si>
    <t>アメリカ　チリ</t>
    <phoneticPr fontId="8"/>
  </si>
  <si>
    <t>イスラエル　日本</t>
    <rPh sb="6" eb="8">
      <t>ニホン</t>
    </rPh>
    <phoneticPr fontId="8"/>
  </si>
  <si>
    <t>インド　ベトナム</t>
    <phoneticPr fontId="8"/>
  </si>
  <si>
    <t>マレーシア　　　　　　　　　　　　　　インドネシア</t>
    <phoneticPr fontId="8"/>
  </si>
  <si>
    <t>㈱ジーエスフード</t>
    <phoneticPr fontId="8"/>
  </si>
  <si>
    <t>マレーシア　　　　　　　　　　　　インドネシア</t>
    <phoneticPr fontId="8"/>
  </si>
  <si>
    <t>福島　アメリカ</t>
    <rPh sb="0" eb="2">
      <t>フクシマ</t>
    </rPh>
    <phoneticPr fontId="8"/>
  </si>
  <si>
    <t>ハウスウェルネスフーズ㈱</t>
    <phoneticPr fontId="8"/>
  </si>
  <si>
    <t>㈱ナガノトマト</t>
    <phoneticPr fontId="8"/>
  </si>
  <si>
    <t>アメリカ　イタリア</t>
    <phoneticPr fontId="8"/>
  </si>
  <si>
    <t>中国　カナダ</t>
    <rPh sb="0" eb="2">
      <t>チュウゴク</t>
    </rPh>
    <phoneticPr fontId="8"/>
  </si>
  <si>
    <t>スリランカ</t>
    <phoneticPr fontId="8"/>
  </si>
  <si>
    <t>日本　千葉</t>
    <rPh sb="0" eb="2">
      <t>ニホン</t>
    </rPh>
    <rPh sb="3" eb="5">
      <t>チバ</t>
    </rPh>
    <phoneticPr fontId="8"/>
  </si>
  <si>
    <t>アメリカ　イスラエル</t>
    <phoneticPr fontId="8"/>
  </si>
  <si>
    <t>４０ｇ</t>
    <phoneticPr fontId="8"/>
  </si>
  <si>
    <t>アメリカ　北海道</t>
    <rPh sb="5" eb="8">
      <t>ホッカイドウ</t>
    </rPh>
    <phoneticPr fontId="8"/>
  </si>
  <si>
    <t>１５ｇ　　　　 　ＪＡＳ標準</t>
    <phoneticPr fontId="3"/>
  </si>
  <si>
    <t>青森　山形</t>
    <rPh sb="0" eb="2">
      <t>アオモリ</t>
    </rPh>
    <rPh sb="3" eb="5">
      <t>ヤマガタ</t>
    </rPh>
    <phoneticPr fontId="8"/>
  </si>
  <si>
    <t>カナダ　タイ</t>
    <phoneticPr fontId="8"/>
  </si>
  <si>
    <t>カナダ　ナイジェリア</t>
    <phoneticPr fontId="8"/>
  </si>
  <si>
    <t>インド　アメリカ</t>
    <phoneticPr fontId="8"/>
  </si>
  <si>
    <t>ブラジル　カナダ</t>
    <phoneticPr fontId="8"/>
  </si>
  <si>
    <t>タイ　アメリカ</t>
    <phoneticPr fontId="8"/>
  </si>
  <si>
    <t>エスエスケーフーズ㈱</t>
    <phoneticPr fontId="8"/>
  </si>
  <si>
    <t>カナダ　オーストラリア</t>
    <phoneticPr fontId="8"/>
  </si>
  <si>
    <t>カナダ　アメリカ</t>
    <phoneticPr fontId="8"/>
  </si>
  <si>
    <t>西野金陵㈱</t>
    <rPh sb="0" eb="4">
      <t>ニシノキンリョウ</t>
    </rPh>
    <phoneticPr fontId="3"/>
  </si>
  <si>
    <t>キング醸造㈱</t>
    <rPh sb="3" eb="5">
      <t>ジョウゾウ</t>
    </rPh>
    <phoneticPr fontId="8"/>
  </si>
  <si>
    <t>サントリー㈱</t>
    <phoneticPr fontId="8"/>
  </si>
  <si>
    <t>外国産</t>
    <rPh sb="0" eb="2">
      <t>ガイコク</t>
    </rPh>
    <rPh sb="2" eb="3">
      <t>サン</t>
    </rPh>
    <phoneticPr fontId="8"/>
  </si>
  <si>
    <t>０．７２Ｌ</t>
    <phoneticPr fontId="3"/>
  </si>
  <si>
    <t>タイ　日本</t>
    <rPh sb="3" eb="5">
      <t>ニホン</t>
    </rPh>
    <phoneticPr fontId="8"/>
  </si>
  <si>
    <t>全農大阪支店 高値＋60円（税抜）</t>
    <rPh sb="0" eb="2">
      <t>ゼンノウ</t>
    </rPh>
    <rPh sb="2" eb="4">
      <t>オオサカ</t>
    </rPh>
    <rPh sb="4" eb="6">
      <t>シテン</t>
    </rPh>
    <rPh sb="7" eb="9">
      <t>タカネ</t>
    </rPh>
    <rPh sb="12" eb="13">
      <t>エン</t>
    </rPh>
    <rPh sb="14" eb="16">
      <t>ゼイヌキ</t>
    </rPh>
    <phoneticPr fontId="8"/>
  </si>
  <si>
    <t>四国主体</t>
    <rPh sb="0" eb="2">
      <t>シコク</t>
    </rPh>
    <rPh sb="2" eb="4">
      <t>シュタイ</t>
    </rPh>
    <phoneticPr fontId="8"/>
  </si>
  <si>
    <t>㈱武部</t>
    <rPh sb="1" eb="3">
      <t>タケベ</t>
    </rPh>
    <phoneticPr fontId="3"/>
  </si>
  <si>
    <t>くりや㈱</t>
    <phoneticPr fontId="8"/>
  </si>
  <si>
    <t>ヒノヒカリ　５ｋｇ袋</t>
    <rPh sb="9" eb="10">
      <t>フクロ</t>
    </rPh>
    <phoneticPr fontId="3"/>
  </si>
  <si>
    <t>令和5年度 年間契約物資単価表（税込単価）</t>
    <rPh sb="0" eb="2">
      <t>レイワ</t>
    </rPh>
    <rPh sb="3" eb="5">
      <t>ネンド</t>
    </rPh>
    <rPh sb="4" eb="5">
      <t>ド</t>
    </rPh>
    <phoneticPr fontId="3"/>
  </si>
  <si>
    <t>青果物・青果加工品</t>
    <rPh sb="0" eb="3">
      <t>セイカブツ</t>
    </rPh>
    <rPh sb="4" eb="6">
      <t>セイカ</t>
    </rPh>
    <rPh sb="6" eb="8">
      <t>カコウ</t>
    </rPh>
    <rPh sb="8" eb="9">
      <t>ヒン</t>
    </rPh>
    <phoneticPr fontId="3"/>
  </si>
  <si>
    <t>（有）高松市中央卸売市場青果学校給食部</t>
    <rPh sb="1" eb="2">
      <t>ユウ</t>
    </rPh>
    <rPh sb="3" eb="6">
      <t>タカマツシ</t>
    </rPh>
    <rPh sb="6" eb="8">
      <t>チュウオウ</t>
    </rPh>
    <rPh sb="8" eb="10">
      <t>オロシウリ</t>
    </rPh>
    <rPh sb="10" eb="12">
      <t>イチバ</t>
    </rPh>
    <rPh sb="12" eb="14">
      <t>セイカ</t>
    </rPh>
    <rPh sb="14" eb="16">
      <t>ガッコウ</t>
    </rPh>
    <rPh sb="16" eb="18">
      <t>キュウショク</t>
    </rPh>
    <rPh sb="18" eb="19">
      <t>ブ</t>
    </rPh>
    <phoneticPr fontId="3"/>
  </si>
  <si>
    <t>単価</t>
    <rPh sb="0" eb="1">
      <t>タン</t>
    </rPh>
    <rPh sb="1" eb="2">
      <t>アタイ</t>
    </rPh>
    <phoneticPr fontId="3"/>
  </si>
  <si>
    <t>納入品の出来値に百分の六を加算した額をもって納入価格とする</t>
    <rPh sb="0" eb="2">
      <t>ノウニュウ</t>
    </rPh>
    <rPh sb="2" eb="3">
      <t>ヒン</t>
    </rPh>
    <rPh sb="4" eb="6">
      <t>デキ</t>
    </rPh>
    <rPh sb="6" eb="7">
      <t>ネ</t>
    </rPh>
    <rPh sb="8" eb="10">
      <t>ヒャクブン</t>
    </rPh>
    <rPh sb="11" eb="12">
      <t>ロク</t>
    </rPh>
    <rPh sb="13" eb="15">
      <t>カサン</t>
    </rPh>
    <rPh sb="17" eb="18">
      <t>ガク</t>
    </rPh>
    <rPh sb="22" eb="24">
      <t>ノウニュウ</t>
    </rPh>
    <rPh sb="24" eb="26">
      <t>カカク</t>
    </rPh>
    <phoneticPr fontId="3"/>
  </si>
  <si>
    <t>豆腐類・蒟蒻類・てんぷら類(税込）</t>
    <rPh sb="0" eb="2">
      <t>トウフ</t>
    </rPh>
    <rPh sb="2" eb="3">
      <t>ルイ</t>
    </rPh>
    <rPh sb="4" eb="6">
      <t>コンニャク</t>
    </rPh>
    <rPh sb="6" eb="7">
      <t>ルイ</t>
    </rPh>
    <rPh sb="12" eb="13">
      <t>ルイ</t>
    </rPh>
    <rPh sb="14" eb="16">
      <t>ゼイコ</t>
    </rPh>
    <phoneticPr fontId="3"/>
  </si>
  <si>
    <t>物資名</t>
    <rPh sb="0" eb="1">
      <t>モノ</t>
    </rPh>
    <rPh sb="1" eb="2">
      <t>シ</t>
    </rPh>
    <rPh sb="2" eb="3">
      <t>メイ</t>
    </rPh>
    <phoneticPr fontId="3"/>
  </si>
  <si>
    <t>もめん豆腐</t>
    <rPh sb="3" eb="5">
      <t>トウフ</t>
    </rPh>
    <phoneticPr fontId="3"/>
  </si>
  <si>
    <t>Ｋｇ</t>
    <phoneticPr fontId="3"/>
  </si>
  <si>
    <t>つきこんにゃく</t>
    <phoneticPr fontId="3"/>
  </si>
  <si>
    <t>油揚げ</t>
    <rPh sb="0" eb="2">
      <t>アブラア</t>
    </rPh>
    <phoneticPr fontId="3"/>
  </si>
  <si>
    <t>糸こんにゃく</t>
    <rPh sb="0" eb="1">
      <t>イト</t>
    </rPh>
    <phoneticPr fontId="3"/>
  </si>
  <si>
    <t>焼き豆腐</t>
    <rPh sb="0" eb="1">
      <t>ヤ</t>
    </rPh>
    <rPh sb="2" eb="4">
      <t>トウフ</t>
    </rPh>
    <phoneticPr fontId="3"/>
  </si>
  <si>
    <t>板こんにゃく</t>
    <rPh sb="0" eb="1">
      <t>イタ</t>
    </rPh>
    <phoneticPr fontId="3"/>
  </si>
  <si>
    <t>厚揚げ</t>
    <rPh sb="0" eb="2">
      <t>アツア</t>
    </rPh>
    <phoneticPr fontId="3"/>
  </si>
  <si>
    <t>てんぷら</t>
    <phoneticPr fontId="3"/>
  </si>
  <si>
    <t>特殊パン加工賃</t>
    <rPh sb="0" eb="2">
      <t>トクシュ</t>
    </rPh>
    <rPh sb="4" eb="7">
      <t>カコウチン</t>
    </rPh>
    <phoneticPr fontId="3"/>
  </si>
  <si>
    <t>単価（税込）</t>
    <rPh sb="0" eb="2">
      <t>タンカ</t>
    </rPh>
    <rPh sb="3" eb="5">
      <t>ゼイコ</t>
    </rPh>
    <phoneticPr fontId="3"/>
  </si>
  <si>
    <t>３０ｇ～８０ｇ</t>
    <phoneticPr fontId="3"/>
  </si>
  <si>
    <t>金時人参パン</t>
    <rPh sb="0" eb="2">
      <t>キントキ</t>
    </rPh>
    <rPh sb="2" eb="4">
      <t>ニンジン</t>
    </rPh>
    <phoneticPr fontId="3"/>
  </si>
  <si>
    <t>金時芋パン</t>
    <rPh sb="0" eb="2">
      <t>キントキ</t>
    </rPh>
    <rPh sb="2" eb="3">
      <t>イモ</t>
    </rPh>
    <phoneticPr fontId="3"/>
  </si>
  <si>
    <t>さつま芋パン</t>
    <rPh sb="3" eb="4">
      <t>イモ</t>
    </rPh>
    <phoneticPr fontId="3"/>
  </si>
  <si>
    <t>チーズパン</t>
    <phoneticPr fontId="3"/>
  </si>
  <si>
    <t>アップルパン</t>
    <phoneticPr fontId="3"/>
  </si>
  <si>
    <t>パインパン</t>
    <phoneticPr fontId="3"/>
  </si>
  <si>
    <t>みかんパン</t>
    <phoneticPr fontId="3"/>
  </si>
  <si>
    <t>お茶パン</t>
    <rPh sb="1" eb="2">
      <t>チャ</t>
    </rPh>
    <phoneticPr fontId="3"/>
  </si>
  <si>
    <t>令和6年度４月分契約単価(消費税及び地方消費税込み単価）</t>
    <rPh sb="0" eb="2">
      <t>レイワ</t>
    </rPh>
    <rPh sb="3" eb="5">
      <t>ネンド</t>
    </rPh>
    <rPh sb="6" eb="8">
      <t>ガツブン</t>
    </rPh>
    <phoneticPr fontId="3"/>
  </si>
  <si>
    <t>イタリア　　　　　スペイン</t>
    <phoneticPr fontId="3"/>
  </si>
  <si>
    <t>カナダ　　　　　オーストラリア</t>
    <phoneticPr fontId="8"/>
  </si>
  <si>
    <t>１３５０ｇ</t>
    <phoneticPr fontId="8"/>
  </si>
  <si>
    <t>㈱ショクリュー</t>
    <phoneticPr fontId="8"/>
  </si>
  <si>
    <t>北海道　三陸</t>
    <rPh sb="0" eb="3">
      <t>ホッカイドウ</t>
    </rPh>
    <rPh sb="4" eb="6">
      <t>サンリク</t>
    </rPh>
    <phoneticPr fontId="8"/>
  </si>
  <si>
    <t>骨皮なし　</t>
    <phoneticPr fontId="8"/>
  </si>
  <si>
    <t>ノルウェー　　　　アイスランド</t>
    <phoneticPr fontId="8"/>
  </si>
  <si>
    <t>５０ｇ</t>
    <phoneticPr fontId="8"/>
  </si>
  <si>
    <t>７０ｇ</t>
    <phoneticPr fontId="8"/>
  </si>
  <si>
    <t>韓国</t>
    <rPh sb="0" eb="2">
      <t>カンコク</t>
    </rPh>
    <phoneticPr fontId="8"/>
  </si>
  <si>
    <t>６０ｇ</t>
    <phoneticPr fontId="8"/>
  </si>
  <si>
    <t>㈱井戸商店</t>
    <rPh sb="1" eb="5">
      <t>イドショウテン</t>
    </rPh>
    <phoneticPr fontId="8"/>
  </si>
  <si>
    <t>１×４㎝カット</t>
    <phoneticPr fontId="8"/>
  </si>
  <si>
    <t>北海道　タイ</t>
    <rPh sb="0" eb="3">
      <t>ホッカイドウ</t>
    </rPh>
    <phoneticPr fontId="8"/>
  </si>
  <si>
    <t>５０ｇ×１０切</t>
    <phoneticPr fontId="8"/>
  </si>
  <si>
    <t>７０ｇ×１０切</t>
    <phoneticPr fontId="8"/>
  </si>
  <si>
    <t>５０ｇ 　　　　タラフライ</t>
    <phoneticPr fontId="8"/>
  </si>
  <si>
    <t>７０ｇ　　　　　タラフライ</t>
    <phoneticPr fontId="8"/>
  </si>
  <si>
    <t>香川　北海道</t>
    <rPh sb="0" eb="2">
      <t>カガワ</t>
    </rPh>
    <rPh sb="3" eb="6">
      <t>ホッカイドウ</t>
    </rPh>
    <phoneticPr fontId="8"/>
  </si>
  <si>
    <t>インド　タイ</t>
    <phoneticPr fontId="8"/>
  </si>
  <si>
    <t>鳥取　北海道</t>
    <rPh sb="0" eb="2">
      <t>トットリ</t>
    </rPh>
    <rPh sb="3" eb="6">
      <t>ホッカイドウ</t>
    </rPh>
    <phoneticPr fontId="8"/>
  </si>
  <si>
    <t>北海道　青森</t>
    <rPh sb="0" eb="3">
      <t>ホッカイドウ</t>
    </rPh>
    <rPh sb="4" eb="6">
      <t>アオモリ</t>
    </rPh>
    <phoneticPr fontId="8"/>
  </si>
  <si>
    <t>四国</t>
    <rPh sb="0" eb="2">
      <t>シコク</t>
    </rPh>
    <phoneticPr fontId="8"/>
  </si>
  <si>
    <t>香川　徳島　高知</t>
    <rPh sb="0" eb="2">
      <t>カガワ</t>
    </rPh>
    <rPh sb="3" eb="5">
      <t>トクシマ</t>
    </rPh>
    <rPh sb="6" eb="8">
      <t>コウチ</t>
    </rPh>
    <phoneticPr fontId="8"/>
  </si>
  <si>
    <t>３５個入り</t>
    <phoneticPr fontId="8"/>
  </si>
  <si>
    <t>４３個入り</t>
    <phoneticPr fontId="8"/>
  </si>
  <si>
    <t>香川　青森</t>
    <rPh sb="0" eb="2">
      <t>カガワ</t>
    </rPh>
    <rPh sb="3" eb="5">
      <t>アオモリ</t>
    </rPh>
    <phoneticPr fontId="8"/>
  </si>
  <si>
    <t>香川　愛媛</t>
    <rPh sb="0" eb="2">
      <t>カガワ</t>
    </rPh>
    <rPh sb="3" eb="5">
      <t>エヒメ</t>
    </rPh>
    <phoneticPr fontId="8"/>
  </si>
  <si>
    <t>㈱鎌倉ハム</t>
    <rPh sb="1" eb="3">
      <t>カマクラ</t>
    </rPh>
    <phoneticPr fontId="8"/>
  </si>
  <si>
    <t>千葉　群馬</t>
    <rPh sb="0" eb="2">
      <t>チバ</t>
    </rPh>
    <rPh sb="3" eb="5">
      <t>グンマ</t>
    </rPh>
    <phoneticPr fontId="8"/>
  </si>
  <si>
    <t>ショルダー　　　ベーコン</t>
    <phoneticPr fontId="8"/>
  </si>
  <si>
    <t>１ｃｍカット</t>
    <phoneticPr fontId="8"/>
  </si>
  <si>
    <t>愛媛　鹿児島</t>
    <rPh sb="0" eb="2">
      <t>エヒメ</t>
    </rPh>
    <rPh sb="3" eb="6">
      <t>カゴシマ</t>
    </rPh>
    <phoneticPr fontId="8"/>
  </si>
  <si>
    <t>３０ｇ</t>
    <phoneticPr fontId="8"/>
  </si>
  <si>
    <t>滋賀</t>
    <rPh sb="0" eb="2">
      <t>シガ</t>
    </rPh>
    <phoneticPr fontId="8"/>
  </si>
  <si>
    <t>５００ｇ袋</t>
    <rPh sb="4" eb="5">
      <t>フクロ</t>
    </rPh>
    <phoneticPr fontId="8"/>
  </si>
  <si>
    <t>天然素材㈱</t>
    <rPh sb="0" eb="4">
      <t>テンネンソザイ</t>
    </rPh>
    <phoneticPr fontId="8"/>
  </si>
  <si>
    <t>宮崎</t>
    <rPh sb="0" eb="2">
      <t>ミヤザキ</t>
    </rPh>
    <phoneticPr fontId="8"/>
  </si>
  <si>
    <t>アサヒサプリエ㈱</t>
    <phoneticPr fontId="8"/>
  </si>
  <si>
    <t>長野　三重</t>
    <rPh sb="0" eb="2">
      <t>ナガノ</t>
    </rPh>
    <rPh sb="3" eb="5">
      <t>ミエ</t>
    </rPh>
    <phoneticPr fontId="8"/>
  </si>
  <si>
    <t>㈱宮代商店</t>
    <rPh sb="1" eb="3">
      <t>ミヤシロ</t>
    </rPh>
    <rPh sb="3" eb="5">
      <t>ショウテン</t>
    </rPh>
    <phoneticPr fontId="8"/>
  </si>
  <si>
    <t>兵庫　岡山</t>
    <rPh sb="0" eb="2">
      <t>ヒョウゴ</t>
    </rPh>
    <rPh sb="3" eb="5">
      <t>オカヤマ</t>
    </rPh>
    <phoneticPr fontId="8"/>
  </si>
  <si>
    <t>瀬戸内海</t>
    <rPh sb="0" eb="3">
      <t>セトウチ</t>
    </rPh>
    <rPh sb="3" eb="4">
      <t>ウミ</t>
    </rPh>
    <phoneticPr fontId="8"/>
  </si>
  <si>
    <t>中西部太平洋</t>
    <rPh sb="0" eb="6">
      <t>チュウセイブタイヘイヨウ</t>
    </rPh>
    <phoneticPr fontId="8"/>
  </si>
  <si>
    <t>ジャパンスパイス㈱</t>
    <phoneticPr fontId="8"/>
  </si>
  <si>
    <t>韓国　カナダ</t>
    <rPh sb="0" eb="2">
      <t>カンコク</t>
    </rPh>
    <phoneticPr fontId="8"/>
  </si>
  <si>
    <t>１００ｇ袋</t>
    <rPh sb="4" eb="5">
      <t>フクロ</t>
    </rPh>
    <phoneticPr fontId="8"/>
  </si>
  <si>
    <t>宮城　岩手</t>
    <rPh sb="0" eb="2">
      <t>ミヤギ</t>
    </rPh>
    <rPh sb="3" eb="5">
      <t>イワテ</t>
    </rPh>
    <phoneticPr fontId="8"/>
  </si>
  <si>
    <t>瀬戸内海</t>
    <rPh sb="0" eb="4">
      <t>セトナイカイ</t>
    </rPh>
    <phoneticPr fontId="8"/>
  </si>
  <si>
    <t>中羽</t>
    <rPh sb="0" eb="2">
      <t>チュウバ</t>
    </rPh>
    <phoneticPr fontId="8"/>
  </si>
  <si>
    <t>１号缶</t>
    <rPh sb="1" eb="3">
      <t>ゴウカン</t>
    </rPh>
    <phoneticPr fontId="8"/>
  </si>
  <si>
    <t>４号缶</t>
    <rPh sb="1" eb="3">
      <t>ゴウカン</t>
    </rPh>
    <phoneticPr fontId="8"/>
  </si>
  <si>
    <t>４７０ｇ</t>
    <phoneticPr fontId="8"/>
  </si>
  <si>
    <t>本</t>
    <phoneticPr fontId="8"/>
  </si>
  <si>
    <t>１Ｌ</t>
    <phoneticPr fontId="8"/>
  </si>
  <si>
    <t>大阪太平㈱</t>
    <rPh sb="0" eb="4">
      <t>オオサカタイヘイ</t>
    </rPh>
    <phoneticPr fontId="8"/>
  </si>
  <si>
    <t>インドネシア</t>
    <phoneticPr fontId="8"/>
  </si>
  <si>
    <t>愛知　静岡</t>
    <rPh sb="0" eb="2">
      <t>アイチ</t>
    </rPh>
    <rPh sb="3" eb="5">
      <t>シズオカ</t>
    </rPh>
    <phoneticPr fontId="8"/>
  </si>
  <si>
    <t>瀬戸内</t>
    <rPh sb="0" eb="3">
      <t>セトウチ</t>
    </rPh>
    <phoneticPr fontId="8"/>
  </si>
  <si>
    <t>愛知</t>
    <rPh sb="0" eb="2">
      <t>アイチ</t>
    </rPh>
    <phoneticPr fontId="8"/>
  </si>
  <si>
    <t>山形　北海道</t>
    <rPh sb="0" eb="2">
      <t>ヤマガタ</t>
    </rPh>
    <rPh sb="3" eb="6">
      <t>ホッカイドウ</t>
    </rPh>
    <phoneticPr fontId="8"/>
  </si>
  <si>
    <t>５㎜×４０㎜　　カット</t>
    <phoneticPr fontId="8"/>
  </si>
  <si>
    <t>エアウォーターアグリ＆フーズ</t>
    <phoneticPr fontId="8"/>
  </si>
  <si>
    <t>Ｍサイズ　　　　５００g袋</t>
    <rPh sb="12" eb="13">
      <t>フクロ</t>
    </rPh>
    <phoneticPr fontId="8"/>
  </si>
  <si>
    <t>アメリカ　ロシア</t>
    <phoneticPr fontId="8"/>
  </si>
  <si>
    <t>富山　新潟</t>
    <rPh sb="0" eb="2">
      <t>トヤマ</t>
    </rPh>
    <rPh sb="3" eb="5">
      <t>ニイガタ</t>
    </rPh>
    <phoneticPr fontId="8"/>
  </si>
  <si>
    <t>Ｃａ・鉄強化</t>
    <rPh sb="3" eb="4">
      <t>テツ</t>
    </rPh>
    <rPh sb="4" eb="6">
      <t>キョウカ</t>
    </rPh>
    <phoneticPr fontId="8"/>
  </si>
  <si>
    <t>㈱華桔梗</t>
    <rPh sb="1" eb="4">
      <t>ハナキキョウ</t>
    </rPh>
    <phoneticPr fontId="8"/>
  </si>
  <si>
    <t>つぶあん　３０ｇ</t>
    <phoneticPr fontId="3"/>
  </si>
  <si>
    <t>山形　青森</t>
    <rPh sb="0" eb="2">
      <t>ヤマガタ</t>
    </rPh>
    <rPh sb="3" eb="5">
      <t>アオモリ</t>
    </rPh>
    <phoneticPr fontId="8"/>
  </si>
  <si>
    <t>モロッコ　　　　　ポーランド　</t>
    <phoneticPr fontId="8"/>
  </si>
  <si>
    <t>３５ｇ　　　　　※4月のみ</t>
    <rPh sb="10" eb="11">
      <t>ガツ</t>
    </rPh>
    <phoneticPr fontId="3"/>
  </si>
  <si>
    <t>北海道　</t>
    <rPh sb="0" eb="3">
      <t>ホッカイドウ</t>
    </rPh>
    <phoneticPr fontId="8"/>
  </si>
  <si>
    <t>㈱たまも</t>
    <phoneticPr fontId="8"/>
  </si>
  <si>
    <t>アイルランド　   アメリカ</t>
    <phoneticPr fontId="8"/>
  </si>
  <si>
    <t>外国　日本</t>
    <rPh sb="0" eb="2">
      <t>ガイコク</t>
    </rPh>
    <rPh sb="3" eb="5">
      <t>ニホン</t>
    </rPh>
    <phoneticPr fontId="3"/>
  </si>
  <si>
    <t>ドイツ　オランダ</t>
    <phoneticPr fontId="8"/>
  </si>
  <si>
    <t>奥本製粉㈱</t>
    <rPh sb="0" eb="4">
      <t>オクモトセイフン</t>
    </rPh>
    <phoneticPr fontId="8"/>
  </si>
  <si>
    <t>デュラム　　　　　　　　　セモリナ粉</t>
    <rPh sb="17" eb="18">
      <t>コ</t>
    </rPh>
    <phoneticPr fontId="8"/>
  </si>
  <si>
    <t>旭松食品㈱</t>
    <rPh sb="0" eb="4">
      <t>アサヒマツショクヒン</t>
    </rPh>
    <phoneticPr fontId="8"/>
  </si>
  <si>
    <t>３００ｇ袋</t>
    <rPh sb="4" eb="5">
      <t>フクロ</t>
    </rPh>
    <phoneticPr fontId="3"/>
  </si>
  <si>
    <t>パラグアイ　　　　ナイジェリア</t>
    <phoneticPr fontId="8"/>
  </si>
  <si>
    <t>北海道　岩手</t>
    <rPh sb="0" eb="3">
      <t>ホッカイドウ</t>
    </rPh>
    <rPh sb="4" eb="6">
      <t>イワテ</t>
    </rPh>
    <phoneticPr fontId="8"/>
  </si>
  <si>
    <t>韓国　北海道</t>
    <rPh sb="0" eb="2">
      <t>カンコク</t>
    </rPh>
    <rPh sb="3" eb="6">
      <t>ホッカイドウ</t>
    </rPh>
    <phoneticPr fontId="8"/>
  </si>
  <si>
    <t>１２００ｇ</t>
    <phoneticPr fontId="3"/>
  </si>
  <si>
    <t>㈱ダイショー</t>
    <phoneticPr fontId="8"/>
  </si>
  <si>
    <t>茨城　群馬</t>
    <rPh sb="0" eb="2">
      <t>イバラキ</t>
    </rPh>
    <rPh sb="3" eb="5">
      <t>グンマ</t>
    </rPh>
    <phoneticPr fontId="8"/>
  </si>
  <si>
    <t>岡本食品㈱</t>
    <rPh sb="0" eb="4">
      <t>オカモトショクヒン</t>
    </rPh>
    <phoneticPr fontId="8"/>
  </si>
  <si>
    <t>固形量１ｋｇ</t>
    <rPh sb="0" eb="3">
      <t>コケイリョウ</t>
    </rPh>
    <phoneticPr fontId="3"/>
  </si>
  <si>
    <t>ギリシャ</t>
    <phoneticPr fontId="8"/>
  </si>
  <si>
    <t>アメリカ　　　　　　　　　オーストラリア</t>
    <phoneticPr fontId="8"/>
  </si>
  <si>
    <t>岩手　宮城</t>
    <rPh sb="0" eb="2">
      <t>イワテ</t>
    </rPh>
    <rPh sb="3" eb="5">
      <t>ミヤギ</t>
    </rPh>
    <phoneticPr fontId="8"/>
  </si>
  <si>
    <t>静岡　兵庫</t>
    <rPh sb="0" eb="2">
      <t>シズオカ</t>
    </rPh>
    <rPh sb="3" eb="5">
      <t>ヒョウゴ</t>
    </rPh>
    <phoneticPr fontId="8"/>
  </si>
  <si>
    <t>栃木</t>
    <rPh sb="0" eb="2">
      <t>トチギ</t>
    </rPh>
    <phoneticPr fontId="8"/>
  </si>
  <si>
    <t>アメリカ　栃木</t>
    <rPh sb="5" eb="7">
      <t>トチギ</t>
    </rPh>
    <phoneticPr fontId="8"/>
  </si>
  <si>
    <t>タイ　             オーストラリア</t>
    <phoneticPr fontId="8"/>
  </si>
  <si>
    <t>ナイジェリア　  タンザニア</t>
    <phoneticPr fontId="8"/>
  </si>
  <si>
    <t>１．６５ｋｇ</t>
    <phoneticPr fontId="3"/>
  </si>
  <si>
    <t>カナダ　                       オーストラリア　</t>
    <phoneticPr fontId="8"/>
  </si>
  <si>
    <t>オーストラリア　鹿児島</t>
    <rPh sb="8" eb="11">
      <t>カゴシマ</t>
    </rPh>
    <phoneticPr fontId="8"/>
  </si>
  <si>
    <t>カナダ　                 オーストラリア</t>
    <phoneticPr fontId="8"/>
  </si>
  <si>
    <t>北海道　長崎　  香川</t>
    <rPh sb="0" eb="3">
      <t>ホッカイドウ</t>
    </rPh>
    <rPh sb="4" eb="6">
      <t>ナガサキ</t>
    </rPh>
    <rPh sb="9" eb="11">
      <t>カガワ</t>
    </rPh>
    <phoneticPr fontId="8"/>
  </si>
  <si>
    <t>北海道　佐賀　  兵庫　香川</t>
    <rPh sb="0" eb="3">
      <t>ホッカイドウ</t>
    </rPh>
    <rPh sb="4" eb="6">
      <t>サガ</t>
    </rPh>
    <rPh sb="9" eb="11">
      <t>ヒョウゴ</t>
    </rPh>
    <rPh sb="12" eb="14">
      <t>カガワ</t>
    </rPh>
    <phoneticPr fontId="8"/>
  </si>
  <si>
    <t>広島　長野</t>
    <rPh sb="0" eb="2">
      <t>ヒロシマ</t>
    </rPh>
    <rPh sb="3" eb="5">
      <t>ナガノ</t>
    </rPh>
    <phoneticPr fontId="8"/>
  </si>
  <si>
    <t>香川県食糧事業　協同組合</t>
    <rPh sb="0" eb="3">
      <t>カガワケン</t>
    </rPh>
    <rPh sb="3" eb="5">
      <t>ショクリョウ</t>
    </rPh>
    <rPh sb="5" eb="7">
      <t>ジギョウ</t>
    </rPh>
    <rPh sb="8" eb="12">
      <t>キョウドウクミアイ</t>
    </rPh>
    <phoneticPr fontId="3"/>
  </si>
  <si>
    <t>香川県食</t>
    <rPh sb="0" eb="4">
      <t>カガワケンショク</t>
    </rPh>
    <phoneticPr fontId="8"/>
  </si>
  <si>
    <t>熊本</t>
    <rPh sb="0" eb="2">
      <t>クマモト</t>
    </rPh>
    <phoneticPr fontId="8"/>
  </si>
  <si>
    <t>ヒノヒカリ</t>
    <phoneticPr fontId="8"/>
  </si>
  <si>
    <t>四国乳業㈱</t>
    <rPh sb="0" eb="2">
      <t>シコク</t>
    </rPh>
    <rPh sb="2" eb="4">
      <t>ニュウギョウ</t>
    </rPh>
    <phoneticPr fontId="3"/>
  </si>
  <si>
    <t>らくれん</t>
    <phoneticPr fontId="8"/>
  </si>
  <si>
    <t>国産</t>
    <rPh sb="0" eb="2">
      <t>コクサン</t>
    </rPh>
    <phoneticPr fontId="3"/>
  </si>
  <si>
    <t>四国</t>
    <rPh sb="0" eb="2">
      <t>シコク</t>
    </rPh>
    <phoneticPr fontId="3"/>
  </si>
  <si>
    <t>四国　宮崎</t>
    <rPh sb="0" eb="2">
      <t>シコク</t>
    </rPh>
    <rPh sb="3" eb="5">
      <t>ミヤザキ</t>
    </rPh>
    <phoneticPr fontId="8"/>
  </si>
  <si>
    <t>乳類</t>
    <rPh sb="0" eb="1">
      <t>ニュウ</t>
    </rPh>
    <rPh sb="1" eb="2">
      <t>ルイ</t>
    </rPh>
    <phoneticPr fontId="3"/>
  </si>
  <si>
    <t>穀類</t>
    <rPh sb="0" eb="2">
      <t>コクルイ</t>
    </rPh>
    <phoneticPr fontId="3"/>
  </si>
  <si>
    <t>調味料</t>
    <rPh sb="0" eb="3">
      <t>チョウミリョウ</t>
    </rPh>
    <phoneticPr fontId="3"/>
  </si>
  <si>
    <t>1kg</t>
    <phoneticPr fontId="3"/>
  </si>
  <si>
    <t>25g</t>
    <phoneticPr fontId="3"/>
  </si>
  <si>
    <t>1kg袋</t>
    <phoneticPr fontId="3"/>
  </si>
  <si>
    <t>40g</t>
    <phoneticPr fontId="3"/>
  </si>
  <si>
    <t>魚介類</t>
    <rPh sb="0" eb="3">
      <t>ギョカイルイ</t>
    </rPh>
    <phoneticPr fontId="3"/>
  </si>
  <si>
    <t>砂糖・菓子類</t>
    <rPh sb="0" eb="2">
      <t>サトウ</t>
    </rPh>
    <rPh sb="3" eb="6">
      <t>カシルイ</t>
    </rPh>
    <phoneticPr fontId="3"/>
  </si>
  <si>
    <t>果実類</t>
    <rPh sb="0" eb="2">
      <t>カジツ</t>
    </rPh>
    <rPh sb="2" eb="3">
      <t>ルイ</t>
    </rPh>
    <phoneticPr fontId="3"/>
  </si>
  <si>
    <t>豆類</t>
    <rPh sb="0" eb="2">
      <t>マメルイ</t>
    </rPh>
    <phoneticPr fontId="3"/>
  </si>
  <si>
    <t>1kg袋</t>
    <rPh sb="3" eb="4">
      <t>フクロ</t>
    </rPh>
    <phoneticPr fontId="3"/>
  </si>
  <si>
    <t>種実類</t>
    <rPh sb="0" eb="2">
      <t>シュジツ</t>
    </rPh>
    <rPh sb="2" eb="3">
      <t>ルイ</t>
    </rPh>
    <phoneticPr fontId="3"/>
  </si>
  <si>
    <t>1kg袋</t>
    <rPh sb="3" eb="4">
      <t>フクロ</t>
    </rPh>
    <phoneticPr fontId="8"/>
  </si>
  <si>
    <t>30g</t>
    <phoneticPr fontId="3"/>
  </si>
  <si>
    <t>70g</t>
    <phoneticPr fontId="3"/>
  </si>
  <si>
    <t>【乳】ナチュラルチーズ</t>
    <rPh sb="1" eb="2">
      <t>ニュウ</t>
    </rPh>
    <phoneticPr fontId="3"/>
  </si>
  <si>
    <t>いも・でん粉類</t>
    <rPh sb="5" eb="6">
      <t>プン</t>
    </rPh>
    <rPh sb="6" eb="7">
      <t>ルイ</t>
    </rPh>
    <phoneticPr fontId="3"/>
  </si>
  <si>
    <t>【アーモンド】アーモンド</t>
    <phoneticPr fontId="3"/>
  </si>
  <si>
    <t>型抜きかまぼこ（兜）</t>
  </si>
  <si>
    <t>冷）納豆　カップ入り　</t>
    <rPh sb="0" eb="1">
      <t>レイ</t>
    </rPh>
    <phoneticPr fontId="3"/>
  </si>
  <si>
    <t>冷）小いわし澱粉付　</t>
    <rPh sb="0" eb="1">
      <t>レイ</t>
    </rPh>
    <phoneticPr fontId="3"/>
  </si>
  <si>
    <t>冷）きびなごカリカリフライ</t>
    <rPh sb="0" eb="1">
      <t>レイ</t>
    </rPh>
    <phoneticPr fontId="3"/>
  </si>
  <si>
    <t>冷）レモンマフィン　</t>
    <rPh sb="0" eb="1">
      <t>レイ</t>
    </rPh>
    <phoneticPr fontId="3"/>
  </si>
  <si>
    <t>冷）プリン　鉄分強化</t>
    <rPh sb="0" eb="1">
      <t>レイ</t>
    </rPh>
    <phoneticPr fontId="3"/>
  </si>
  <si>
    <t>冷）もちクリームアイス　</t>
    <rPh sb="0" eb="1">
      <t>レイ</t>
    </rPh>
    <phoneticPr fontId="3"/>
  </si>
  <si>
    <t>冷）黒ごまプリン　</t>
    <rPh sb="0" eb="1">
      <t>レイ</t>
    </rPh>
    <phoneticPr fontId="3"/>
  </si>
  <si>
    <t>冷）四国ゼリー　</t>
    <rPh sb="0" eb="1">
      <t>レイ</t>
    </rPh>
    <phoneticPr fontId="3"/>
  </si>
  <si>
    <t>冷）キャベツ入り平つくね　</t>
    <rPh sb="0" eb="1">
      <t>レイ</t>
    </rPh>
    <phoneticPr fontId="3"/>
  </si>
  <si>
    <t>冷）親鳥素焼きスライス</t>
    <rPh sb="0" eb="1">
      <t>レイ</t>
    </rPh>
    <phoneticPr fontId="3"/>
  </si>
  <si>
    <t>キャンディチーズ　鉄強化</t>
    <phoneticPr fontId="3"/>
  </si>
  <si>
    <t>ふしめん　</t>
  </si>
  <si>
    <t>焼き麩　</t>
  </si>
  <si>
    <t>さきいか　</t>
    <phoneticPr fontId="3"/>
  </si>
  <si>
    <t>タバスコ　</t>
    <phoneticPr fontId="3"/>
  </si>
  <si>
    <t>白いんげん豆ペースト　レトルト</t>
    <phoneticPr fontId="3"/>
  </si>
  <si>
    <t>ひきわり大豆　レトルト　</t>
    <phoneticPr fontId="3"/>
  </si>
  <si>
    <t>ドライひきわり納豆　レトルト</t>
    <phoneticPr fontId="3"/>
  </si>
  <si>
    <t>アーモンド　粉　</t>
    <phoneticPr fontId="3"/>
  </si>
  <si>
    <t>ねり梅　</t>
    <phoneticPr fontId="3"/>
  </si>
  <si>
    <t>おさつスティック（個装）</t>
    <phoneticPr fontId="3"/>
  </si>
  <si>
    <t>ミックスビーンズ　ドライパック</t>
    <phoneticPr fontId="3"/>
  </si>
  <si>
    <t>中華めん（袋入り）</t>
    <rPh sb="5" eb="7">
      <t>フクロイ</t>
    </rPh>
    <phoneticPr fontId="3"/>
  </si>
  <si>
    <t>冷）ポテトコロッケ　</t>
    <rPh sb="0" eb="1">
      <t>レイ</t>
    </rPh>
    <phoneticPr fontId="3"/>
  </si>
  <si>
    <t>冷）かつお竜田揚げ　</t>
    <rPh sb="0" eb="1">
      <t>レイ</t>
    </rPh>
    <phoneticPr fontId="3"/>
  </si>
  <si>
    <t>冷）肉団子</t>
    <rPh sb="0" eb="1">
      <t>レイ</t>
    </rPh>
    <phoneticPr fontId="3"/>
  </si>
  <si>
    <t>冷）ストロベリーダイス　</t>
    <rPh sb="0" eb="1">
      <t>レイ</t>
    </rPh>
    <phoneticPr fontId="3"/>
  </si>
  <si>
    <t>冷）日向夏ゼリー</t>
    <rPh sb="0" eb="1">
      <t>レイ</t>
    </rPh>
    <phoneticPr fontId="3"/>
  </si>
  <si>
    <t>焼き豚　角切り</t>
    <phoneticPr fontId="3"/>
  </si>
  <si>
    <t>アーモンド　刻み</t>
  </si>
  <si>
    <t>マーマレード（調理用）</t>
    <phoneticPr fontId="3"/>
  </si>
  <si>
    <t>野菜ふりかけ（個装）</t>
    <phoneticPr fontId="3"/>
  </si>
  <si>
    <t>福豆入り</t>
    <phoneticPr fontId="3"/>
  </si>
  <si>
    <t>〇</t>
    <phoneticPr fontId="3"/>
  </si>
  <si>
    <t>10ｇ・15ｇ</t>
    <phoneticPr fontId="3"/>
  </si>
  <si>
    <t>令和６年度　５～９月分　加工食品等アレルゲン一覧表</t>
    <rPh sb="0" eb="2">
      <t>レイワ</t>
    </rPh>
    <rPh sb="3" eb="5">
      <t>ネンド</t>
    </rPh>
    <rPh sb="9" eb="10">
      <t>ガツ</t>
    </rPh>
    <rPh sb="10" eb="11">
      <t>ブン</t>
    </rPh>
    <rPh sb="12" eb="14">
      <t>カコウ</t>
    </rPh>
    <rPh sb="14" eb="16">
      <t>ショクヒン</t>
    </rPh>
    <rPh sb="16" eb="17">
      <t>トウ</t>
    </rPh>
    <rPh sb="22" eb="24">
      <t>イチラン</t>
    </rPh>
    <rPh sb="24" eb="25">
      <t>ヒョウ</t>
    </rPh>
    <phoneticPr fontId="3"/>
  </si>
  <si>
    <t>肉類</t>
    <rPh sb="0" eb="2">
      <t>ニクルイ</t>
    </rPh>
    <phoneticPr fontId="3"/>
  </si>
  <si>
    <t>【鶏肉】鶏肉</t>
    <rPh sb="1" eb="3">
      <t>ケイニク</t>
    </rPh>
    <rPh sb="4" eb="6">
      <t>ケイニク</t>
    </rPh>
    <phoneticPr fontId="3"/>
  </si>
  <si>
    <t>魚介類</t>
    <rPh sb="0" eb="3">
      <t>ギョカイルイ</t>
    </rPh>
    <phoneticPr fontId="3"/>
  </si>
  <si>
    <t>豆類</t>
    <rPh sb="0" eb="2">
      <t>マメルイ</t>
    </rPh>
    <phoneticPr fontId="3"/>
  </si>
  <si>
    <t>砂糖・菓子類</t>
    <rPh sb="0" eb="2">
      <t>サトウ</t>
    </rPh>
    <rPh sb="3" eb="6">
      <t>カシルイ</t>
    </rPh>
    <phoneticPr fontId="3"/>
  </si>
  <si>
    <t>【大豆】豆乳、大豆粉</t>
    <rPh sb="1" eb="3">
      <t>ダイズ</t>
    </rPh>
    <rPh sb="4" eb="6">
      <t>トウニュウ</t>
    </rPh>
    <rPh sb="7" eb="9">
      <t>ダイズ</t>
    </rPh>
    <rPh sb="9" eb="10">
      <t>コナ</t>
    </rPh>
    <phoneticPr fontId="3"/>
  </si>
  <si>
    <t>【豚肉】豚肉</t>
    <rPh sb="1" eb="3">
      <t>ブタニク</t>
    </rPh>
    <rPh sb="4" eb="6">
      <t>ブタニク</t>
    </rPh>
    <phoneticPr fontId="3"/>
  </si>
  <si>
    <t>乳類</t>
    <rPh sb="0" eb="1">
      <t>ニュウ</t>
    </rPh>
    <rPh sb="1" eb="2">
      <t>ルイ</t>
    </rPh>
    <phoneticPr fontId="3"/>
  </si>
  <si>
    <t>穀類</t>
    <rPh sb="0" eb="2">
      <t>コクルイ</t>
    </rPh>
    <phoneticPr fontId="3"/>
  </si>
  <si>
    <t>【小麦】小麦粉
【ごま】ごま油</t>
    <rPh sb="1" eb="3">
      <t>コムギ</t>
    </rPh>
    <rPh sb="4" eb="7">
      <t>コムギコ</t>
    </rPh>
    <rPh sb="14" eb="15">
      <t>アブラ</t>
    </rPh>
    <phoneticPr fontId="3"/>
  </si>
  <si>
    <t>【鶏肉】鶏肉
【豚肉】豚脂</t>
    <rPh sb="1" eb="3">
      <t>ケイニク</t>
    </rPh>
    <rPh sb="4" eb="6">
      <t>ケイニク</t>
    </rPh>
    <rPh sb="8" eb="10">
      <t>ブタニク</t>
    </rPh>
    <rPh sb="11" eb="12">
      <t>ブタ</t>
    </rPh>
    <rPh sb="12" eb="13">
      <t>アブラ</t>
    </rPh>
    <phoneticPr fontId="3"/>
  </si>
  <si>
    <t>【小麦】小麦粉、小麦たんぱく</t>
    <rPh sb="1" eb="3">
      <t>コムギ</t>
    </rPh>
    <rPh sb="4" eb="7">
      <t>コムギコ</t>
    </rPh>
    <rPh sb="8" eb="10">
      <t>コムギ</t>
    </rPh>
    <phoneticPr fontId="3"/>
  </si>
  <si>
    <t>【乳】乳糖
【いか】いか加工品</t>
    <rPh sb="4" eb="5">
      <t>トウ</t>
    </rPh>
    <rPh sb="12" eb="15">
      <t>カコウヒン</t>
    </rPh>
    <phoneticPr fontId="3"/>
  </si>
  <si>
    <t>いも・でん粉類</t>
    <rPh sb="5" eb="6">
      <t>プン</t>
    </rPh>
    <rPh sb="6" eb="7">
      <t>ルイ</t>
    </rPh>
    <phoneticPr fontId="3"/>
  </si>
  <si>
    <t>【大豆】大豆</t>
    <rPh sb="1" eb="3">
      <t>ダイズ</t>
    </rPh>
    <rPh sb="4" eb="6">
      <t>ダイズ</t>
    </rPh>
    <phoneticPr fontId="3"/>
  </si>
  <si>
    <t>【アーモンド】アーモンド</t>
    <phoneticPr fontId="3"/>
  </si>
  <si>
    <t>種実類</t>
    <rPh sb="0" eb="2">
      <t>シュジツ</t>
    </rPh>
    <rPh sb="2" eb="3">
      <t>ルイ</t>
    </rPh>
    <phoneticPr fontId="3"/>
  </si>
  <si>
    <t>豆類</t>
    <rPh sb="0" eb="1">
      <t>マメ</t>
    </rPh>
    <rPh sb="1" eb="2">
      <t>ルイ</t>
    </rPh>
    <phoneticPr fontId="3"/>
  </si>
  <si>
    <t>調味料</t>
    <rPh sb="0" eb="3">
      <t>チョウミリョウ</t>
    </rPh>
    <phoneticPr fontId="3"/>
  </si>
  <si>
    <t>調味料</t>
    <rPh sb="0" eb="3">
      <t>チョウミリョウ</t>
    </rPh>
    <phoneticPr fontId="3"/>
  </si>
  <si>
    <t>穀類</t>
    <rPh sb="0" eb="2">
      <t>コクルイ</t>
    </rPh>
    <phoneticPr fontId="3"/>
  </si>
  <si>
    <t>【小麦】小麦粉</t>
    <rPh sb="1" eb="3">
      <t>コムギ</t>
    </rPh>
    <rPh sb="4" eb="7">
      <t>コムギコ</t>
    </rPh>
    <phoneticPr fontId="3"/>
  </si>
  <si>
    <t>肉類</t>
    <rPh sb="0" eb="1">
      <t>ニク</t>
    </rPh>
    <rPh sb="1" eb="2">
      <t>ルイ</t>
    </rPh>
    <phoneticPr fontId="3"/>
  </si>
  <si>
    <t>肉類</t>
    <rPh sb="0" eb="2">
      <t>ニクルイ</t>
    </rPh>
    <phoneticPr fontId="3"/>
  </si>
  <si>
    <t>【大豆】豆乳、大豆油</t>
    <rPh sb="1" eb="3">
      <t>ダイズ</t>
    </rPh>
    <rPh sb="4" eb="6">
      <t>トウニュウ</t>
    </rPh>
    <rPh sb="7" eb="9">
      <t>ダイズ</t>
    </rPh>
    <rPh sb="9" eb="10">
      <t>アブラ</t>
    </rPh>
    <phoneticPr fontId="3"/>
  </si>
  <si>
    <t>【豚肉】豚かた肉</t>
    <rPh sb="1" eb="3">
      <t>ブタニク</t>
    </rPh>
    <rPh sb="4" eb="5">
      <t>ブタ</t>
    </rPh>
    <rPh sb="7" eb="8">
      <t>ニク</t>
    </rPh>
    <phoneticPr fontId="3"/>
  </si>
  <si>
    <t>【豚肉】豚ロース肉</t>
    <rPh sb="1" eb="3">
      <t>ブタニク</t>
    </rPh>
    <rPh sb="4" eb="5">
      <t>ブタ</t>
    </rPh>
    <rPh sb="8" eb="9">
      <t>ニク</t>
    </rPh>
    <phoneticPr fontId="3"/>
  </si>
  <si>
    <t>乳類</t>
    <rPh sb="0" eb="1">
      <t>チチ</t>
    </rPh>
    <rPh sb="1" eb="2">
      <t>ルイ</t>
    </rPh>
    <phoneticPr fontId="3"/>
  </si>
  <si>
    <t>乳類</t>
    <rPh sb="0" eb="1">
      <t>ニュウ</t>
    </rPh>
    <rPh sb="1" eb="2">
      <t>ルイ</t>
    </rPh>
    <phoneticPr fontId="3"/>
  </si>
  <si>
    <t>【乳】ナチュラルチーズ、脱脂粉乳</t>
    <rPh sb="1" eb="2">
      <t>ニュウ</t>
    </rPh>
    <rPh sb="12" eb="14">
      <t>ダッシ</t>
    </rPh>
    <rPh sb="14" eb="16">
      <t>フンニュウ</t>
    </rPh>
    <phoneticPr fontId="3"/>
  </si>
  <si>
    <t>【乳】ナチュラルチーズ、乳化剤</t>
    <rPh sb="1" eb="2">
      <t>ニュウ</t>
    </rPh>
    <rPh sb="12" eb="15">
      <t>ニュウカザイ</t>
    </rPh>
    <phoneticPr fontId="3"/>
  </si>
  <si>
    <t>きな粉　青大豆</t>
    <phoneticPr fontId="3"/>
  </si>
  <si>
    <t>【大豆】青大豆</t>
    <rPh sb="1" eb="3">
      <t>ダイズ</t>
    </rPh>
    <rPh sb="4" eb="5">
      <t>アオ</t>
    </rPh>
    <rPh sb="5" eb="7">
      <t>ダイズ</t>
    </rPh>
    <phoneticPr fontId="3"/>
  </si>
  <si>
    <t>冷）ココアワッフル　
　　鉄分強化（個装）</t>
    <rPh sb="0" eb="1">
      <t>レイ</t>
    </rPh>
    <phoneticPr fontId="3"/>
  </si>
  <si>
    <t>粉チーズ</t>
    <phoneticPr fontId="3"/>
  </si>
  <si>
    <t>5g</t>
    <phoneticPr fontId="3"/>
  </si>
  <si>
    <t>80g</t>
    <phoneticPr fontId="3"/>
  </si>
  <si>
    <t>500ｇ袋　</t>
    <phoneticPr fontId="3"/>
  </si>
  <si>
    <t>500g袋　</t>
    <phoneticPr fontId="3"/>
  </si>
  <si>
    <t>100g・1㎏袋</t>
    <rPh sb="7" eb="8">
      <t>フクロ</t>
    </rPh>
    <phoneticPr fontId="3"/>
  </si>
  <si>
    <t>むね6：もも4</t>
    <phoneticPr fontId="3"/>
  </si>
  <si>
    <t>50g</t>
    <phoneticPr fontId="3"/>
  </si>
  <si>
    <t>500袋・1㎏袋</t>
    <rPh sb="3" eb="4">
      <t>ブクロ</t>
    </rPh>
    <rPh sb="7" eb="8">
      <t>フクロ</t>
    </rPh>
    <phoneticPr fontId="3"/>
  </si>
  <si>
    <t>1㎝・2㎝
カット輪切り</t>
    <phoneticPr fontId="3"/>
  </si>
  <si>
    <t>1㎝角</t>
    <rPh sb="2" eb="3">
      <t>カク</t>
    </rPh>
    <phoneticPr fontId="3"/>
  </si>
  <si>
    <t>0.5kg袋</t>
    <rPh sb="5" eb="6">
      <t>フクロ</t>
    </rPh>
    <phoneticPr fontId="3"/>
  </si>
  <si>
    <t>500g・1㎏</t>
    <phoneticPr fontId="3"/>
  </si>
  <si>
    <t>28ｇ</t>
    <phoneticPr fontId="3"/>
  </si>
  <si>
    <t>460g・1kg</t>
    <phoneticPr fontId="3"/>
  </si>
  <si>
    <t>60ml</t>
    <phoneticPr fontId="3"/>
  </si>
  <si>
    <t>200g袋</t>
    <phoneticPr fontId="3"/>
  </si>
  <si>
    <t>1.5g</t>
    <phoneticPr fontId="3"/>
  </si>
  <si>
    <t>乾燥カリカリ梅
（混ぜご飯の素）</t>
    <phoneticPr fontId="3"/>
  </si>
  <si>
    <t>炊き込みわかめ（減塩）
グルソー抜き</t>
    <phoneticPr fontId="3"/>
  </si>
  <si>
    <t>チョコ大豆クリーム
（個装）</t>
    <phoneticPr fontId="3"/>
  </si>
  <si>
    <t>粗挽きウインナー
Ｆｅ強化　輪切りカット</t>
    <rPh sb="14" eb="16">
      <t>ワギ</t>
    </rPh>
    <phoneticPr fontId="3"/>
  </si>
  <si>
    <t>冷）肉団子
   （Ｆｅ・Ｃａ強化）</t>
    <rPh sb="0" eb="1">
      <t>レイ</t>
    </rPh>
    <phoneticPr fontId="3"/>
  </si>
  <si>
    <t>ベーコン　厚切り
（６㎜）短冊　冷蔵</t>
    <phoneticPr fontId="3"/>
  </si>
  <si>
    <t>トック　韓国餅　
国産米使用</t>
    <phoneticPr fontId="3"/>
  </si>
  <si>
    <t>はるさめ　太い　
５㎝カット</t>
    <phoneticPr fontId="3"/>
  </si>
  <si>
    <t>型抜きかまぼこ
（マーガレット）</t>
    <phoneticPr fontId="3"/>
  </si>
  <si>
    <t>冷）アジ　一口カット
   打ち粉付き　</t>
    <rPh sb="0" eb="1">
      <t>レイ</t>
    </rPh>
    <phoneticPr fontId="3"/>
  </si>
  <si>
    <t>150g・200g・250g入袋</t>
    <phoneticPr fontId="3"/>
  </si>
  <si>
    <t>【乳】パン粉
【小麦】パン粉、小麦粉加工品、小麦粉
【牛肉】牛肉、ビーフエキス調味料
【大豆】パン粉、粒状大豆たん白</t>
    <rPh sb="1" eb="2">
      <t>ニュウ</t>
    </rPh>
    <rPh sb="5" eb="6">
      <t>コ</t>
    </rPh>
    <rPh sb="8" eb="10">
      <t>コムギ</t>
    </rPh>
    <rPh sb="13" eb="14">
      <t>コ</t>
    </rPh>
    <rPh sb="15" eb="17">
      <t>コムギ</t>
    </rPh>
    <rPh sb="17" eb="18">
      <t>コナ</t>
    </rPh>
    <rPh sb="18" eb="21">
      <t>カコウヒン</t>
    </rPh>
    <rPh sb="22" eb="25">
      <t>コムギコ</t>
    </rPh>
    <rPh sb="27" eb="29">
      <t>ギュウニク</t>
    </rPh>
    <rPh sb="30" eb="32">
      <t>ギュウニク</t>
    </rPh>
    <rPh sb="39" eb="42">
      <t>チョウミリョウ</t>
    </rPh>
    <rPh sb="44" eb="46">
      <t>ダイズ</t>
    </rPh>
    <rPh sb="49" eb="50">
      <t>コ</t>
    </rPh>
    <rPh sb="51" eb="52">
      <t>ツブ</t>
    </rPh>
    <rPh sb="52" eb="53">
      <t>ジョウ</t>
    </rPh>
    <rPh sb="53" eb="55">
      <t>ダイズ</t>
    </rPh>
    <rPh sb="57" eb="58">
      <t>シロ</t>
    </rPh>
    <phoneticPr fontId="3"/>
  </si>
  <si>
    <t>【小麦】しょうゆ
【大豆】大豆</t>
    <rPh sb="10" eb="12">
      <t>ダイズ</t>
    </rPh>
    <rPh sb="13" eb="15">
      <t>ダイズ</t>
    </rPh>
    <phoneticPr fontId="3"/>
  </si>
  <si>
    <t>【小麦】醤油
【大豆】醤油</t>
    <rPh sb="1" eb="3">
      <t>コムギ</t>
    </rPh>
    <rPh sb="4" eb="6">
      <t>ショウユ</t>
    </rPh>
    <rPh sb="8" eb="10">
      <t>ダイズ</t>
    </rPh>
    <rPh sb="11" eb="13">
      <t>ショウユ</t>
    </rPh>
    <phoneticPr fontId="3"/>
  </si>
  <si>
    <t>【豚肉】豚肉
【鶏肉】鶏肉</t>
    <rPh sb="1" eb="3">
      <t>ブタニク</t>
    </rPh>
    <rPh sb="4" eb="6">
      <t>ブタニク</t>
    </rPh>
    <rPh sb="8" eb="10">
      <t>ケイニク</t>
    </rPh>
    <rPh sb="11" eb="13">
      <t>ケイニク</t>
    </rPh>
    <phoneticPr fontId="3"/>
  </si>
  <si>
    <t>【大豆】つなぎ（粉末状食物性たん白）、揚げ油（大豆油）
【鶏肉】鶏肉、チキンオイル
【豚肉】豚肉</t>
    <rPh sb="1" eb="3">
      <t>ダイズ</t>
    </rPh>
    <rPh sb="8" eb="9">
      <t>コナ</t>
    </rPh>
    <rPh sb="9" eb="10">
      <t>マツ</t>
    </rPh>
    <rPh sb="10" eb="11">
      <t>ジョウ</t>
    </rPh>
    <rPh sb="11" eb="13">
      <t>ショクモツ</t>
    </rPh>
    <rPh sb="13" eb="14">
      <t>セイ</t>
    </rPh>
    <rPh sb="16" eb="17">
      <t>シロ</t>
    </rPh>
    <rPh sb="19" eb="20">
      <t>ア</t>
    </rPh>
    <rPh sb="21" eb="22">
      <t>アブラ</t>
    </rPh>
    <rPh sb="23" eb="25">
      <t>ダイズ</t>
    </rPh>
    <rPh sb="25" eb="26">
      <t>アブラ</t>
    </rPh>
    <rPh sb="29" eb="31">
      <t>ケイニク</t>
    </rPh>
    <rPh sb="32" eb="34">
      <t>ケイニク</t>
    </rPh>
    <rPh sb="43" eb="45">
      <t>ブタニク</t>
    </rPh>
    <rPh sb="46" eb="48">
      <t>ブタニク</t>
    </rPh>
    <phoneticPr fontId="3"/>
  </si>
  <si>
    <t>ヨーグルト</t>
    <phoneticPr fontId="3"/>
  </si>
  <si>
    <t>【乳】生乳、スターター</t>
    <rPh sb="1" eb="2">
      <t>ニュウ</t>
    </rPh>
    <rPh sb="3" eb="4">
      <t>ナマ</t>
    </rPh>
    <rPh sb="4" eb="5">
      <t>ニュウ</t>
    </rPh>
    <phoneticPr fontId="3"/>
  </si>
  <si>
    <t>【卵】全卵、ファストスプレッド、卵白、乳等を主要原料とする食品、加糖卵黄、香料
【乳】ファストスプレッド、乳等を主要原料とする食品、乳製品、乳化剤、香料、着色料（V.B2、カロチノイド、カラメル
【小麦】小麦粉
【大豆】乳等を主要原料とする食品、食用油脂、マーガリン、乳化剤</t>
    <rPh sb="1" eb="2">
      <t>タマゴ</t>
    </rPh>
    <rPh sb="3" eb="5">
      <t>ゼンラン</t>
    </rPh>
    <rPh sb="16" eb="18">
      <t>ランパク</t>
    </rPh>
    <rPh sb="19" eb="20">
      <t>ニュウ</t>
    </rPh>
    <rPh sb="20" eb="21">
      <t>ナド</t>
    </rPh>
    <rPh sb="22" eb="24">
      <t>シュヨウ</t>
    </rPh>
    <rPh sb="24" eb="26">
      <t>ゲンリョウ</t>
    </rPh>
    <rPh sb="29" eb="31">
      <t>ショクヒン</t>
    </rPh>
    <rPh sb="32" eb="34">
      <t>カトウ</t>
    </rPh>
    <rPh sb="34" eb="36">
      <t>ランオウ</t>
    </rPh>
    <rPh sb="37" eb="39">
      <t>コウリョウ</t>
    </rPh>
    <rPh sb="41" eb="42">
      <t>ニュウ</t>
    </rPh>
    <rPh sb="53" eb="54">
      <t>ニュウ</t>
    </rPh>
    <rPh sb="54" eb="55">
      <t>ナド</t>
    </rPh>
    <rPh sb="56" eb="58">
      <t>シュヨウ</t>
    </rPh>
    <rPh sb="58" eb="60">
      <t>ゲンリョウ</t>
    </rPh>
    <rPh sb="63" eb="65">
      <t>ショクヒン</t>
    </rPh>
    <rPh sb="66" eb="69">
      <t>ニュウセイヒン</t>
    </rPh>
    <rPh sb="70" eb="73">
      <t>ニュウカザイ</t>
    </rPh>
    <rPh sb="74" eb="76">
      <t>コウリョウ</t>
    </rPh>
    <rPh sb="77" eb="80">
      <t>チャクショクリョウ</t>
    </rPh>
    <rPh sb="99" eb="101">
      <t>コムギ</t>
    </rPh>
    <rPh sb="102" eb="105">
      <t>コムギコ</t>
    </rPh>
    <rPh sb="107" eb="109">
      <t>ダイズ</t>
    </rPh>
    <rPh sb="110" eb="111">
      <t>ニュウ</t>
    </rPh>
    <rPh sb="111" eb="112">
      <t>ナド</t>
    </rPh>
    <rPh sb="113" eb="115">
      <t>シュヨウ</t>
    </rPh>
    <rPh sb="115" eb="117">
      <t>ゲンリョウ</t>
    </rPh>
    <rPh sb="120" eb="122">
      <t>ショクヒン</t>
    </rPh>
    <rPh sb="123" eb="125">
      <t>ショクヨウ</t>
    </rPh>
    <rPh sb="125" eb="127">
      <t>ユシ</t>
    </rPh>
    <rPh sb="134" eb="137">
      <t>ニュウカザイ</t>
    </rPh>
    <phoneticPr fontId="3"/>
  </si>
  <si>
    <t>【大豆】豆乳クリーム、乳化剤（レシチン）</t>
    <rPh sb="1" eb="3">
      <t>ダイズ</t>
    </rPh>
    <rPh sb="4" eb="6">
      <t>トウニュウ</t>
    </rPh>
    <rPh sb="11" eb="14">
      <t>ニュウカザイ</t>
    </rPh>
    <phoneticPr fontId="3"/>
  </si>
  <si>
    <t>【乳】乳等を主要原料とする食品、牛乳、加糖練乳、全粉乳
【大豆】乳等を主要原料とする食品
【ごま】黒ごまペースト</t>
    <phoneticPr fontId="3"/>
  </si>
  <si>
    <t>【乳】脱脂粉乳
【大豆】大豆粉、食物レシチン</t>
    <rPh sb="1" eb="2">
      <t>ニュウ</t>
    </rPh>
    <rPh sb="3" eb="5">
      <t>ダッシ</t>
    </rPh>
    <rPh sb="5" eb="6">
      <t>コナ</t>
    </rPh>
    <rPh sb="6" eb="7">
      <t>ニュウ</t>
    </rPh>
    <rPh sb="9" eb="11">
      <t>ダイズ</t>
    </rPh>
    <phoneticPr fontId="3"/>
  </si>
  <si>
    <t>【りんご】りんご加工品</t>
    <rPh sb="8" eb="11">
      <t>カコウヒン</t>
    </rPh>
    <phoneticPr fontId="3"/>
  </si>
  <si>
    <t>【卵】卵黄
【小麦】醸造酢
【大豆】食用食物油脂</t>
    <rPh sb="1" eb="2">
      <t>タマゴ</t>
    </rPh>
    <rPh sb="3" eb="5">
      <t>ランオウ</t>
    </rPh>
    <rPh sb="7" eb="9">
      <t>コムギ</t>
    </rPh>
    <rPh sb="10" eb="12">
      <t>ジョウゾウ</t>
    </rPh>
    <rPh sb="12" eb="13">
      <t>ス</t>
    </rPh>
    <rPh sb="15" eb="17">
      <t>ダイズ</t>
    </rPh>
    <rPh sb="18" eb="20">
      <t>ショクヨウ</t>
    </rPh>
    <rPh sb="20" eb="22">
      <t>ショクモツ</t>
    </rPh>
    <rPh sb="22" eb="24">
      <t>ユシ</t>
    </rPh>
    <phoneticPr fontId="3"/>
  </si>
  <si>
    <t>ショルダーベーコン6㎜厚</t>
    <rPh sb="11" eb="12">
      <t>アツ</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00_ "/>
    <numFmt numFmtId="177" formatCode="0.00_ "/>
    <numFmt numFmtId="178" formatCode="#,##0.00_);[Red]\(#,##0.00\)"/>
  </numFmts>
  <fonts count="30" x14ac:knownFonts="1">
    <font>
      <sz val="11"/>
      <name val="ＭＳ Ｐゴシック"/>
      <family val="3"/>
      <charset val="128"/>
    </font>
    <font>
      <sz val="11"/>
      <color theme="1"/>
      <name val="ＭＳ Ｐゴシック"/>
      <family val="2"/>
      <charset val="128"/>
      <scheme val="minor"/>
    </font>
    <font>
      <b/>
      <sz val="16"/>
      <name val="ＭＳ 明朝"/>
      <family val="1"/>
      <charset val="128"/>
    </font>
    <font>
      <sz val="6"/>
      <name val="ＭＳ Ｐゴシック"/>
      <family val="3"/>
      <charset val="128"/>
    </font>
    <font>
      <sz val="11"/>
      <name val="ＭＳ 明朝"/>
      <family val="1"/>
      <charset val="128"/>
    </font>
    <font>
      <sz val="9"/>
      <name val="ＭＳ 明朝"/>
      <family val="1"/>
      <charset val="128"/>
    </font>
    <font>
      <sz val="10"/>
      <name val="ＭＳ 明朝"/>
      <family val="1"/>
      <charset val="128"/>
    </font>
    <font>
      <sz val="9"/>
      <name val="ＭＳ Ｐゴシック"/>
      <family val="3"/>
      <charset val="128"/>
    </font>
    <font>
      <sz val="6"/>
      <name val="ＭＳ Ｐゴシック"/>
      <family val="2"/>
      <charset val="128"/>
      <scheme val="minor"/>
    </font>
    <font>
      <sz val="11"/>
      <name val="ＭＳ Ｐゴシック"/>
      <family val="3"/>
      <charset val="128"/>
    </font>
    <font>
      <b/>
      <sz val="14"/>
      <name val="ＭＳ Ｐゴシック"/>
      <family val="3"/>
      <charset val="128"/>
    </font>
    <font>
      <sz val="12"/>
      <name val="ＭＳ Ｐゴシック"/>
      <family val="3"/>
      <charset val="128"/>
    </font>
    <font>
      <sz val="11"/>
      <name val="ＭＳ Ｐゴシック"/>
      <family val="3"/>
      <charset val="128"/>
      <scheme val="minor"/>
    </font>
    <font>
      <sz val="11"/>
      <color theme="1"/>
      <name val="ＭＳ 明朝"/>
      <family val="1"/>
      <charset val="128"/>
    </font>
    <font>
      <sz val="11"/>
      <name val="ＭＳ Ｐ明朝"/>
      <family val="1"/>
      <charset val="128"/>
    </font>
    <font>
      <sz val="10"/>
      <name val="ＭＳ Ｐゴシック"/>
      <family val="3"/>
      <charset val="128"/>
      <scheme val="minor"/>
    </font>
    <font>
      <b/>
      <sz val="11"/>
      <name val="ＭＳ 明朝"/>
      <family val="1"/>
      <charset val="128"/>
    </font>
    <font>
      <b/>
      <sz val="11"/>
      <color theme="1"/>
      <name val="ＭＳ 明朝"/>
      <family val="1"/>
      <charset val="128"/>
    </font>
    <font>
      <b/>
      <sz val="11"/>
      <name val="ＭＳ Ｐゴシック"/>
      <family val="3"/>
      <charset val="128"/>
    </font>
    <font>
      <sz val="10"/>
      <name val="ＭＳ Ｐゴシック"/>
      <family val="3"/>
      <charset val="128"/>
    </font>
    <font>
      <b/>
      <sz val="10"/>
      <name val="ＭＳ Ｐゴシック"/>
      <family val="3"/>
      <charset val="128"/>
    </font>
    <font>
      <sz val="10"/>
      <color rgb="FF000000"/>
      <name val="ＭＳ 明朝"/>
      <family val="1"/>
      <charset val="128"/>
    </font>
    <font>
      <sz val="11"/>
      <color rgb="FF000000"/>
      <name val="ＭＳ 明朝"/>
      <family val="1"/>
      <charset val="128"/>
    </font>
    <font>
      <b/>
      <sz val="10"/>
      <color rgb="FF000000"/>
      <name val="ＭＳ 明朝"/>
      <family val="1"/>
      <charset val="128"/>
    </font>
    <font>
      <sz val="11"/>
      <color rgb="FFFF0000"/>
      <name val="ＭＳ Ｐゴシック"/>
      <family val="3"/>
      <charset val="128"/>
    </font>
    <font>
      <b/>
      <sz val="10"/>
      <color theme="1"/>
      <name val="ＭＳ 明朝"/>
      <family val="1"/>
      <charset val="128"/>
    </font>
    <font>
      <sz val="14"/>
      <name val="ＭＳ 明朝"/>
      <family val="1"/>
      <charset val="128"/>
    </font>
    <font>
      <sz val="12"/>
      <name val="ＭＳ 明朝"/>
      <family val="1"/>
      <charset val="128"/>
    </font>
    <font>
      <sz val="10"/>
      <color rgb="FF000000"/>
      <name val="ＭＳ Ｐゴシック"/>
      <family val="3"/>
      <charset val="128"/>
    </font>
    <font>
      <sz val="8"/>
      <name val="ＭＳ Ｐゴシック"/>
      <family val="3"/>
      <charset val="128"/>
    </font>
  </fonts>
  <fills count="3">
    <fill>
      <patternFill patternType="none"/>
    </fill>
    <fill>
      <patternFill patternType="gray125"/>
    </fill>
    <fill>
      <patternFill patternType="solid">
        <fgColor rgb="FFFFFF00"/>
        <bgColor indexed="64"/>
      </patternFill>
    </fill>
  </fills>
  <borders count="11">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style="thin">
        <color indexed="64"/>
      </bottom>
      <diagonal/>
    </border>
    <border>
      <left/>
      <right/>
      <top style="thin">
        <color indexed="64"/>
      </top>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top style="thin">
        <color indexed="64"/>
      </top>
      <bottom style="thin">
        <color indexed="64"/>
      </bottom>
      <diagonal/>
    </border>
  </borders>
  <cellStyleXfs count="9">
    <xf numFmtId="0" fontId="0" fillId="0" borderId="0">
      <alignment vertical="center"/>
    </xf>
    <xf numFmtId="0" fontId="9" fillId="0" borderId="0">
      <alignment vertical="center"/>
    </xf>
    <xf numFmtId="0" fontId="9" fillId="0" borderId="0"/>
    <xf numFmtId="0" fontId="9" fillId="0" borderId="0">
      <alignment vertical="center"/>
    </xf>
    <xf numFmtId="0" fontId="9" fillId="0" borderId="0"/>
    <xf numFmtId="0" fontId="9" fillId="0" borderId="0"/>
    <xf numFmtId="0" fontId="1" fillId="0" borderId="0">
      <alignment vertical="center"/>
    </xf>
    <xf numFmtId="0" fontId="1" fillId="0" borderId="0">
      <alignment vertical="center"/>
    </xf>
    <xf numFmtId="0" fontId="1" fillId="0" borderId="0">
      <alignment vertical="center"/>
    </xf>
  </cellStyleXfs>
  <cellXfs count="150">
    <xf numFmtId="0" fontId="0" fillId="0" borderId="0" xfId="0">
      <alignment vertical="center"/>
    </xf>
    <xf numFmtId="0" fontId="4" fillId="0" borderId="2" xfId="0" applyFont="1" applyBorder="1" applyAlignment="1">
      <alignment horizontal="center" vertical="center" shrinkToFit="1"/>
    </xf>
    <xf numFmtId="0" fontId="4" fillId="0" borderId="2" xfId="0" applyFont="1" applyBorder="1" applyAlignment="1">
      <alignment horizontal="center" vertical="center"/>
    </xf>
    <xf numFmtId="0" fontId="4" fillId="0" borderId="2" xfId="0" applyFont="1" applyBorder="1" applyAlignment="1">
      <alignment horizontal="center" vertical="center" wrapText="1"/>
    </xf>
    <xf numFmtId="0" fontId="6" fillId="0" borderId="2" xfId="0" applyFont="1" applyBorder="1" applyAlignment="1">
      <alignment horizontal="left" vertical="center" wrapText="1"/>
    </xf>
    <xf numFmtId="49" fontId="4" fillId="0" borderId="2" xfId="0" applyNumberFormat="1" applyFont="1" applyBorder="1" applyAlignment="1">
      <alignment horizontal="left" vertical="center" wrapText="1" shrinkToFit="1"/>
    </xf>
    <xf numFmtId="49" fontId="4" fillId="0" borderId="2" xfId="0" applyNumberFormat="1" applyFont="1" applyBorder="1" applyAlignment="1">
      <alignment vertical="center" wrapText="1" shrinkToFit="1"/>
    </xf>
    <xf numFmtId="0" fontId="3" fillId="0" borderId="2" xfId="1" applyFont="1" applyBorder="1" applyAlignment="1">
      <alignment horizontal="center" vertical="center" wrapText="1" shrinkToFit="1"/>
    </xf>
    <xf numFmtId="0" fontId="4" fillId="0" borderId="2" xfId="0" applyFont="1" applyBorder="1" applyAlignment="1">
      <alignment horizontal="left" vertical="center" wrapText="1"/>
    </xf>
    <xf numFmtId="0" fontId="9" fillId="0" borderId="0" xfId="1">
      <alignment vertical="center"/>
    </xf>
    <xf numFmtId="0" fontId="11" fillId="0" borderId="2" xfId="1" applyFont="1" applyBorder="1" applyAlignment="1">
      <alignment horizontal="center" vertical="center" shrinkToFit="1"/>
    </xf>
    <xf numFmtId="0" fontId="11" fillId="0" borderId="7" xfId="1" applyFont="1" applyBorder="1" applyAlignment="1">
      <alignment horizontal="center" vertical="center" shrinkToFit="1"/>
    </xf>
    <xf numFmtId="0" fontId="4" fillId="0" borderId="2" xfId="0" applyFont="1" applyBorder="1" applyAlignment="1">
      <alignment horizontal="left" vertical="center"/>
    </xf>
    <xf numFmtId="0" fontId="4" fillId="0" borderId="0" xfId="0" applyFont="1">
      <alignment vertical="center"/>
    </xf>
    <xf numFmtId="0" fontId="6" fillId="0" borderId="2" xfId="0" applyFont="1" applyBorder="1" applyAlignment="1">
      <alignment horizontal="center" vertical="center"/>
    </xf>
    <xf numFmtId="0" fontId="13" fillId="0" borderId="2" xfId="0" applyFont="1" applyBorder="1">
      <alignment vertical="center"/>
    </xf>
    <xf numFmtId="0" fontId="4" fillId="0" borderId="2" xfId="0" applyFont="1" applyBorder="1">
      <alignment vertical="center"/>
    </xf>
    <xf numFmtId="0" fontId="4" fillId="0" borderId="0" xfId="0" applyFont="1" applyAlignment="1">
      <alignment horizontal="center" vertical="center"/>
    </xf>
    <xf numFmtId="0" fontId="6" fillId="0" borderId="0" xfId="0" applyFont="1" applyAlignment="1">
      <alignment horizontal="center" vertical="center"/>
    </xf>
    <xf numFmtId="0" fontId="6" fillId="0" borderId="2" xfId="0" applyFont="1" applyBorder="1" applyAlignment="1">
      <alignment vertical="center" shrinkToFit="1"/>
    </xf>
    <xf numFmtId="0" fontId="13" fillId="0" borderId="2" xfId="0" applyFont="1" applyBorder="1" applyAlignment="1">
      <alignment vertical="center" wrapText="1"/>
    </xf>
    <xf numFmtId="0" fontId="4" fillId="0" borderId="0" xfId="0" applyFont="1" applyAlignment="1">
      <alignment horizontal="left" vertical="center"/>
    </xf>
    <xf numFmtId="0" fontId="6" fillId="0" borderId="0" xfId="0" applyFont="1" applyAlignment="1">
      <alignment horizontal="left" vertical="center" wrapText="1"/>
    </xf>
    <xf numFmtId="0" fontId="16" fillId="0" borderId="2" xfId="0" applyFont="1" applyBorder="1" applyAlignment="1">
      <alignment horizontal="center" vertical="center"/>
    </xf>
    <xf numFmtId="177" fontId="17" fillId="0" borderId="2" xfId="0" applyNumberFormat="1" applyFont="1" applyBorder="1">
      <alignment vertical="center"/>
    </xf>
    <xf numFmtId="176" fontId="16" fillId="0" borderId="0" xfId="0" applyNumberFormat="1" applyFont="1">
      <alignment vertical="center"/>
    </xf>
    <xf numFmtId="0" fontId="12" fillId="0" borderId="0" xfId="1" applyFont="1" applyAlignment="1">
      <alignment vertical="center" shrinkToFit="1"/>
    </xf>
    <xf numFmtId="0" fontId="15" fillId="0" borderId="0" xfId="1" applyFont="1" applyAlignment="1">
      <alignment horizontal="left" vertical="center" shrinkToFit="1"/>
    </xf>
    <xf numFmtId="0" fontId="7" fillId="0" borderId="0" xfId="1" applyFont="1" applyAlignment="1">
      <alignment horizontal="center" vertical="center"/>
    </xf>
    <xf numFmtId="0" fontId="9" fillId="0" borderId="0" xfId="1" applyAlignment="1">
      <alignment horizontal="center" vertical="center"/>
    </xf>
    <xf numFmtId="0" fontId="10" fillId="0" borderId="0" xfId="1" applyFont="1" applyAlignment="1">
      <alignment vertical="center" shrinkToFit="1"/>
    </xf>
    <xf numFmtId="0" fontId="11" fillId="0" borderId="0" xfId="1" applyFont="1" applyAlignment="1">
      <alignment horizontal="center" vertical="center"/>
    </xf>
    <xf numFmtId="0" fontId="4" fillId="0" borderId="2" xfId="0" applyFont="1" applyBorder="1" applyAlignment="1">
      <alignment vertical="center" wrapText="1" shrinkToFit="1"/>
    </xf>
    <xf numFmtId="0" fontId="6" fillId="0" borderId="2" xfId="0" applyFont="1" applyBorder="1" applyAlignment="1">
      <alignment vertical="center" wrapText="1" shrinkToFit="1"/>
    </xf>
    <xf numFmtId="0" fontId="19" fillId="0" borderId="2" xfId="1" applyFont="1" applyBorder="1" applyAlignment="1">
      <alignment horizontal="left" vertical="center"/>
    </xf>
    <xf numFmtId="0" fontId="19" fillId="0" borderId="2" xfId="1" applyFont="1" applyBorder="1" applyAlignment="1">
      <alignment horizontal="left" vertical="center" wrapText="1"/>
    </xf>
    <xf numFmtId="0" fontId="19" fillId="0" borderId="2" xfId="1" applyFont="1" applyBorder="1" applyAlignment="1">
      <alignment horizontal="center" vertical="center" shrinkToFit="1"/>
    </xf>
    <xf numFmtId="0" fontId="19" fillId="0" borderId="2" xfId="1" applyFont="1" applyBorder="1">
      <alignment vertical="center"/>
    </xf>
    <xf numFmtId="0" fontId="19" fillId="0" borderId="2" xfId="1" applyFont="1" applyBorder="1" applyAlignment="1">
      <alignment horizontal="left" vertical="center" shrinkToFit="1"/>
    </xf>
    <xf numFmtId="0" fontId="19" fillId="0" borderId="2" xfId="1" applyFont="1" applyBorder="1" applyAlignment="1">
      <alignment horizontal="center" vertical="center"/>
    </xf>
    <xf numFmtId="0" fontId="15" fillId="0" borderId="0" xfId="1" applyFont="1">
      <alignment vertical="center"/>
    </xf>
    <xf numFmtId="49" fontId="19" fillId="0" borderId="2" xfId="0" applyNumberFormat="1" applyFont="1" applyBorder="1" applyAlignment="1">
      <alignment horizontal="center" vertical="center" shrinkToFit="1"/>
    </xf>
    <xf numFmtId="0" fontId="19" fillId="0" borderId="2" xfId="0" applyFont="1" applyBorder="1" applyAlignment="1">
      <alignment horizontal="center" vertical="center" shrinkToFit="1"/>
    </xf>
    <xf numFmtId="0" fontId="19" fillId="0" borderId="2" xfId="1" applyFont="1" applyBorder="1" applyAlignment="1">
      <alignment horizontal="left" vertical="center" wrapText="1" shrinkToFit="1"/>
    </xf>
    <xf numFmtId="0" fontId="10" fillId="0" borderId="0" xfId="1" applyFont="1" applyAlignment="1">
      <alignment horizontal="left" vertical="center"/>
    </xf>
    <xf numFmtId="0" fontId="7" fillId="0" borderId="2" xfId="1" applyFont="1" applyBorder="1" applyAlignment="1">
      <alignment horizontal="center" vertical="center"/>
    </xf>
    <xf numFmtId="0" fontId="4" fillId="0" borderId="0" xfId="0" applyFont="1" applyAlignment="1">
      <alignment horizontal="center" vertical="center" wrapText="1"/>
    </xf>
    <xf numFmtId="0" fontId="20" fillId="0" borderId="0" xfId="1" applyFont="1" applyAlignment="1">
      <alignment vertical="center" shrinkToFit="1"/>
    </xf>
    <xf numFmtId="0" fontId="19" fillId="0" borderId="2" xfId="1" applyFont="1" applyBorder="1" applyAlignment="1">
      <alignment vertical="center" wrapText="1" shrinkToFit="1"/>
    </xf>
    <xf numFmtId="0" fontId="19" fillId="0" borderId="2" xfId="1" applyFont="1" applyBorder="1" applyAlignment="1">
      <alignment vertical="center" wrapText="1"/>
    </xf>
    <xf numFmtId="176" fontId="19" fillId="0" borderId="2" xfId="0" applyNumberFormat="1" applyFont="1" applyBorder="1" applyAlignment="1">
      <alignment horizontal="left" vertical="center" wrapText="1" shrinkToFit="1"/>
    </xf>
    <xf numFmtId="0" fontId="22" fillId="0" borderId="2" xfId="0" applyFont="1" applyBorder="1" applyAlignment="1">
      <alignment vertical="center" shrinkToFit="1"/>
    </xf>
    <xf numFmtId="0" fontId="22" fillId="0" borderId="2" xfId="0" applyFont="1" applyBorder="1" applyAlignment="1">
      <alignment horizontal="center" vertical="center"/>
    </xf>
    <xf numFmtId="0" fontId="21" fillId="0" borderId="2" xfId="0" applyFont="1" applyBorder="1" applyAlignment="1">
      <alignment horizontal="center" vertical="center"/>
    </xf>
    <xf numFmtId="0" fontId="4" fillId="2" borderId="2" xfId="0" applyFont="1" applyFill="1" applyBorder="1">
      <alignment vertical="center"/>
    </xf>
    <xf numFmtId="0" fontId="6" fillId="0" borderId="2" xfId="0" applyFont="1" applyBorder="1" applyAlignment="1">
      <alignment horizontal="center" vertical="center" shrinkToFit="1"/>
    </xf>
    <xf numFmtId="0" fontId="4" fillId="0" borderId="2" xfId="0" applyFont="1" applyBorder="1" applyAlignment="1">
      <alignment horizontal="center" vertical="center" wrapText="1" shrinkToFit="1"/>
    </xf>
    <xf numFmtId="0" fontId="21" fillId="0" borderId="2" xfId="0" applyFont="1" applyBorder="1" applyAlignment="1">
      <alignment vertical="center" wrapText="1" shrinkToFit="1"/>
    </xf>
    <xf numFmtId="0" fontId="6" fillId="2" borderId="2" xfId="0" applyFont="1" applyFill="1" applyBorder="1" applyAlignment="1">
      <alignment horizontal="center" vertical="center"/>
    </xf>
    <xf numFmtId="0" fontId="22" fillId="2" borderId="2" xfId="0" applyFont="1" applyFill="1" applyBorder="1" applyAlignment="1">
      <alignment vertical="center" shrinkToFit="1"/>
    </xf>
    <xf numFmtId="0" fontId="17" fillId="2" borderId="2" xfId="0" applyFont="1" applyFill="1" applyBorder="1" applyAlignment="1">
      <alignment vertical="center" wrapText="1"/>
    </xf>
    <xf numFmtId="0" fontId="16" fillId="2" borderId="2" xfId="0" applyFont="1" applyFill="1" applyBorder="1" applyAlignment="1">
      <alignment horizontal="left" vertical="center"/>
    </xf>
    <xf numFmtId="0" fontId="23" fillId="2" borderId="2" xfId="0" applyFont="1" applyFill="1" applyBorder="1" applyAlignment="1">
      <alignment horizontal="center" vertical="center"/>
    </xf>
    <xf numFmtId="177" fontId="17" fillId="2" borderId="2" xfId="0" applyNumberFormat="1" applyFont="1" applyFill="1" applyBorder="1">
      <alignment vertical="center"/>
    </xf>
    <xf numFmtId="0" fontId="21" fillId="0" borderId="2" xfId="0" applyFont="1" applyBorder="1" applyAlignment="1">
      <alignment vertical="center" shrinkToFit="1"/>
    </xf>
    <xf numFmtId="49" fontId="4" fillId="0" borderId="2" xfId="0" applyNumberFormat="1" applyFont="1" applyBorder="1">
      <alignment vertical="center"/>
    </xf>
    <xf numFmtId="0" fontId="4" fillId="0" borderId="2" xfId="0" applyFont="1" applyBorder="1" applyAlignment="1">
      <alignment vertical="center" wrapText="1"/>
    </xf>
    <xf numFmtId="49" fontId="4" fillId="0" borderId="2" xfId="0" applyNumberFormat="1" applyFont="1" applyBorder="1" applyAlignment="1">
      <alignment vertical="center" wrapText="1"/>
    </xf>
    <xf numFmtId="49" fontId="4" fillId="0" borderId="2" xfId="0" applyNumberFormat="1" applyFont="1" applyBorder="1" applyAlignment="1">
      <alignment vertical="center" shrinkToFit="1"/>
    </xf>
    <xf numFmtId="0" fontId="5" fillId="0" borderId="2" xfId="0" applyFont="1" applyBorder="1" applyAlignment="1">
      <alignment horizontal="center" vertical="center"/>
    </xf>
    <xf numFmtId="0" fontId="5" fillId="0" borderId="2" xfId="0" applyFont="1" applyBorder="1" applyAlignment="1">
      <alignment horizontal="center" vertical="center" shrinkToFit="1"/>
    </xf>
    <xf numFmtId="49" fontId="19" fillId="0" borderId="2" xfId="0" applyNumberFormat="1" applyFont="1" applyBorder="1" applyAlignment="1">
      <alignment vertical="center" wrapText="1" shrinkToFit="1"/>
    </xf>
    <xf numFmtId="0" fontId="19" fillId="0" borderId="4" xfId="1" applyFont="1" applyBorder="1" applyAlignment="1">
      <alignment horizontal="center" vertical="center" shrinkToFit="1"/>
    </xf>
    <xf numFmtId="0" fontId="5" fillId="0" borderId="2" xfId="0" applyFont="1" applyBorder="1" applyAlignment="1">
      <alignment vertical="center" wrapText="1" shrinkToFit="1"/>
    </xf>
    <xf numFmtId="0" fontId="9" fillId="0" borderId="0" xfId="1" applyAlignment="1">
      <alignment horizontal="center" vertical="center" shrinkToFit="1"/>
    </xf>
    <xf numFmtId="0" fontId="0" fillId="0" borderId="2" xfId="1" applyFont="1" applyBorder="1" applyAlignment="1">
      <alignment horizontal="center" vertical="center"/>
    </xf>
    <xf numFmtId="0" fontId="21" fillId="0" borderId="2" xfId="0" applyFont="1" applyBorder="1" applyAlignment="1">
      <alignment vertical="center" wrapText="1"/>
    </xf>
    <xf numFmtId="0" fontId="21" fillId="0" borderId="2" xfId="0" applyFont="1" applyBorder="1" applyAlignment="1">
      <alignment horizontal="center" vertical="center" wrapText="1"/>
    </xf>
    <xf numFmtId="176" fontId="24" fillId="0" borderId="2" xfId="0" applyNumberFormat="1" applyFont="1" applyBorder="1" applyAlignment="1">
      <alignment horizontal="center" vertical="center" shrinkToFit="1"/>
    </xf>
    <xf numFmtId="0" fontId="0" fillId="0" borderId="2" xfId="1" applyFont="1" applyBorder="1" applyAlignment="1">
      <alignment horizontal="center" vertical="center" shrinkToFit="1"/>
    </xf>
    <xf numFmtId="176" fontId="16" fillId="0" borderId="2" xfId="0" applyNumberFormat="1" applyFont="1" applyBorder="1" applyAlignment="1">
      <alignment horizontal="center" vertical="center"/>
    </xf>
    <xf numFmtId="49" fontId="5" fillId="0" borderId="0" xfId="0" applyNumberFormat="1" applyFont="1" applyAlignment="1">
      <alignment horizontal="center" vertical="center"/>
    </xf>
    <xf numFmtId="177" fontId="25" fillId="0" borderId="2" xfId="0" applyNumberFormat="1" applyFont="1" applyBorder="1" applyAlignment="1">
      <alignment vertical="center" wrapText="1"/>
    </xf>
    <xf numFmtId="0" fontId="4" fillId="0" borderId="0" xfId="0" applyFont="1" applyAlignment="1">
      <alignment vertical="center" wrapText="1"/>
    </xf>
    <xf numFmtId="0" fontId="11" fillId="0" borderId="0" xfId="0" applyFont="1" applyAlignment="1">
      <alignment vertical="center" wrapText="1"/>
    </xf>
    <xf numFmtId="0" fontId="0" fillId="0" borderId="0" xfId="0" applyAlignment="1">
      <alignment vertical="center" wrapText="1"/>
    </xf>
    <xf numFmtId="176" fontId="18" fillId="0" borderId="0" xfId="0" applyNumberFormat="1" applyFont="1" applyAlignment="1">
      <alignment horizontal="right" vertical="center"/>
    </xf>
    <xf numFmtId="0" fontId="14" fillId="0" borderId="0" xfId="0" applyFont="1">
      <alignment vertical="center"/>
    </xf>
    <xf numFmtId="0" fontId="26" fillId="0" borderId="0" xfId="0" applyFont="1" applyAlignment="1">
      <alignment horizontal="center" vertical="center"/>
    </xf>
    <xf numFmtId="0" fontId="26" fillId="0" borderId="1" xfId="0" applyFont="1" applyBorder="1">
      <alignment vertical="center"/>
    </xf>
    <xf numFmtId="0" fontId="27" fillId="0" borderId="2" xfId="0" applyFont="1" applyBorder="1" applyAlignment="1">
      <alignment horizontal="center" vertical="center"/>
    </xf>
    <xf numFmtId="0" fontId="27" fillId="0" borderId="4" xfId="0" applyFont="1" applyBorder="1">
      <alignment vertical="center"/>
    </xf>
    <xf numFmtId="0" fontId="27" fillId="0" borderId="10" xfId="0" applyFont="1" applyBorder="1">
      <alignment vertical="center"/>
    </xf>
    <xf numFmtId="0" fontId="0" fillId="0" borderId="7" xfId="0" applyBorder="1">
      <alignment vertical="center"/>
    </xf>
    <xf numFmtId="0" fontId="0" fillId="0" borderId="6" xfId="0" applyBorder="1">
      <alignment vertical="center"/>
    </xf>
    <xf numFmtId="0" fontId="2" fillId="0" borderId="1" xfId="0" applyFont="1" applyBorder="1">
      <alignment vertical="center"/>
    </xf>
    <xf numFmtId="0" fontId="4" fillId="0" borderId="1" xfId="0" applyFont="1" applyBorder="1">
      <alignment vertical="center"/>
    </xf>
    <xf numFmtId="178" fontId="4" fillId="0" borderId="2" xfId="0" applyNumberFormat="1" applyFont="1" applyBorder="1" applyAlignment="1">
      <alignment horizontal="center" vertical="center"/>
    </xf>
    <xf numFmtId="0" fontId="27" fillId="0" borderId="2" xfId="0" applyFont="1" applyBorder="1" applyAlignment="1">
      <alignment horizontal="left" vertical="center"/>
    </xf>
    <xf numFmtId="178" fontId="27" fillId="0" borderId="2" xfId="0" applyNumberFormat="1" applyFont="1" applyBorder="1" applyAlignment="1">
      <alignment horizontal="right" vertical="center"/>
    </xf>
    <xf numFmtId="0" fontId="4" fillId="0" borderId="0" xfId="0" applyFont="1" applyAlignment="1">
      <alignment horizontal="right" vertical="center"/>
    </xf>
    <xf numFmtId="0" fontId="27" fillId="0" borderId="5" xfId="0" applyFont="1" applyBorder="1" applyAlignment="1">
      <alignment horizontal="left" vertical="center"/>
    </xf>
    <xf numFmtId="0" fontId="4" fillId="0" borderId="5" xfId="0" applyFont="1" applyBorder="1" applyAlignment="1">
      <alignment horizontal="center" vertical="center"/>
    </xf>
    <xf numFmtId="178" fontId="27" fillId="0" borderId="5" xfId="0" applyNumberFormat="1" applyFont="1" applyBorder="1" applyAlignment="1">
      <alignment horizontal="right" vertical="center"/>
    </xf>
    <xf numFmtId="3" fontId="4" fillId="0" borderId="5" xfId="0" applyNumberFormat="1" applyFont="1" applyBorder="1" applyAlignment="1">
      <alignment horizontal="center" vertical="center"/>
    </xf>
    <xf numFmtId="178" fontId="27" fillId="0" borderId="5" xfId="0" applyNumberFormat="1" applyFont="1" applyBorder="1" applyAlignment="1">
      <alignment horizontal="center" vertical="center"/>
    </xf>
    <xf numFmtId="0" fontId="26" fillId="0" borderId="0" xfId="0" applyFont="1">
      <alignment vertical="center"/>
    </xf>
    <xf numFmtId="0" fontId="4" fillId="0" borderId="3" xfId="0" applyFont="1" applyBorder="1" applyAlignment="1">
      <alignment horizontal="center" vertical="center"/>
    </xf>
    <xf numFmtId="0" fontId="27" fillId="0" borderId="9" xfId="0" applyFont="1" applyBorder="1" applyAlignment="1">
      <alignment horizontal="left" vertical="center"/>
    </xf>
    <xf numFmtId="0" fontId="5" fillId="0" borderId="9" xfId="0" applyFont="1" applyBorder="1" applyAlignment="1">
      <alignment horizontal="center" vertical="center"/>
    </xf>
    <xf numFmtId="178" fontId="27" fillId="0" borderId="2" xfId="0" applyNumberFormat="1" applyFont="1" applyBorder="1" applyAlignment="1">
      <alignment horizontal="center" vertical="center" shrinkToFit="1"/>
    </xf>
    <xf numFmtId="177" fontId="27" fillId="0" borderId="2" xfId="0" applyNumberFormat="1" applyFont="1" applyBorder="1" applyAlignment="1">
      <alignment horizontal="right" vertical="center"/>
    </xf>
    <xf numFmtId="0" fontId="5" fillId="0" borderId="3" xfId="0" applyFont="1" applyBorder="1" applyAlignment="1">
      <alignment horizontal="center" vertical="center"/>
    </xf>
    <xf numFmtId="177" fontId="27" fillId="0" borderId="0" xfId="0" applyNumberFormat="1" applyFont="1" applyAlignment="1">
      <alignment horizontal="right" vertical="center"/>
    </xf>
    <xf numFmtId="3" fontId="4" fillId="0" borderId="3" xfId="0" applyNumberFormat="1" applyFont="1" applyBorder="1" applyAlignment="1">
      <alignment horizontal="center" vertical="center"/>
    </xf>
    <xf numFmtId="178" fontId="27" fillId="0" borderId="2" xfId="0" applyNumberFormat="1" applyFont="1" applyBorder="1" applyAlignment="1">
      <alignment horizontal="left" vertical="center"/>
    </xf>
    <xf numFmtId="0" fontId="5" fillId="0" borderId="0" xfId="0" applyFont="1" applyAlignment="1">
      <alignment horizontal="center" vertical="center"/>
    </xf>
    <xf numFmtId="0" fontId="6" fillId="0" borderId="0" xfId="0" applyFont="1" applyAlignment="1">
      <alignment horizontal="left" vertical="center"/>
    </xf>
    <xf numFmtId="0" fontId="28" fillId="0" borderId="2" xfId="0" applyFont="1" applyBorder="1" applyAlignment="1">
      <alignment vertical="center" shrinkToFit="1"/>
    </xf>
    <xf numFmtId="0" fontId="28" fillId="0" borderId="2" xfId="0" applyFont="1" applyBorder="1" applyAlignment="1">
      <alignment horizontal="center" vertical="center"/>
    </xf>
    <xf numFmtId="0" fontId="0" fillId="0" borderId="7" xfId="1" applyFont="1" applyBorder="1" applyAlignment="1">
      <alignment horizontal="center" vertical="center" shrinkToFit="1"/>
    </xf>
    <xf numFmtId="0" fontId="0" fillId="0" borderId="7" xfId="1" applyFont="1" applyBorder="1" applyAlignment="1">
      <alignment horizontal="center" vertical="center"/>
    </xf>
    <xf numFmtId="176" fontId="0" fillId="0" borderId="2" xfId="0" applyNumberFormat="1" applyBorder="1" applyAlignment="1">
      <alignment horizontal="center" vertical="center" shrinkToFit="1"/>
    </xf>
    <xf numFmtId="176" fontId="0" fillId="0" borderId="2" xfId="1" applyNumberFormat="1" applyFont="1" applyBorder="1" applyAlignment="1">
      <alignment horizontal="center" vertical="center" shrinkToFit="1"/>
    </xf>
    <xf numFmtId="0" fontId="19" fillId="0" borderId="2" xfId="0" applyFont="1" applyBorder="1">
      <alignment vertical="center"/>
    </xf>
    <xf numFmtId="0" fontId="28" fillId="0" borderId="2" xfId="0" applyFont="1" applyBorder="1" applyAlignment="1">
      <alignment horizontal="center" vertical="center" wrapText="1"/>
    </xf>
    <xf numFmtId="176" fontId="0" fillId="0" borderId="7" xfId="0" applyNumberFormat="1" applyBorder="1" applyAlignment="1">
      <alignment horizontal="center" vertical="center" shrinkToFit="1"/>
    </xf>
    <xf numFmtId="176" fontId="0" fillId="0" borderId="7" xfId="1" applyNumberFormat="1" applyFont="1" applyBorder="1" applyAlignment="1">
      <alignment horizontal="center" vertical="center" shrinkToFit="1"/>
    </xf>
    <xf numFmtId="176" fontId="0" fillId="0" borderId="2" xfId="4" applyNumberFormat="1" applyFont="1" applyBorder="1" applyAlignment="1">
      <alignment horizontal="center" vertical="center" shrinkToFit="1"/>
    </xf>
    <xf numFmtId="0" fontId="19" fillId="0" borderId="2" xfId="1" applyFont="1" applyFill="1" applyBorder="1" applyAlignment="1">
      <alignment horizontal="center" vertical="center"/>
    </xf>
    <xf numFmtId="0" fontId="19" fillId="0" borderId="2" xfId="0" applyFont="1" applyFill="1" applyBorder="1" applyAlignment="1">
      <alignment horizontal="center" vertical="center" shrinkToFit="1"/>
    </xf>
    <xf numFmtId="49" fontId="19" fillId="0" borderId="2" xfId="0" applyNumberFormat="1" applyFont="1" applyFill="1" applyBorder="1" applyAlignment="1">
      <alignment horizontal="center" vertical="center" shrinkToFit="1"/>
    </xf>
    <xf numFmtId="0" fontId="19" fillId="0" borderId="2" xfId="1" applyFont="1" applyFill="1" applyBorder="1" applyAlignment="1">
      <alignment horizontal="center" vertical="center" shrinkToFit="1"/>
    </xf>
    <xf numFmtId="0" fontId="7" fillId="0" borderId="2" xfId="1" applyFont="1" applyFill="1" applyBorder="1" applyAlignment="1">
      <alignment horizontal="center" vertical="center"/>
    </xf>
    <xf numFmtId="0" fontId="29" fillId="0" borderId="2" xfId="1" applyFont="1" applyFill="1" applyBorder="1" applyAlignment="1">
      <alignment horizontal="center" vertical="center"/>
    </xf>
    <xf numFmtId="49" fontId="4" fillId="0" borderId="2" xfId="0" applyNumberFormat="1" applyFont="1" applyFill="1" applyBorder="1" applyAlignment="1">
      <alignment vertical="center" wrapText="1" shrinkToFit="1"/>
    </xf>
    <xf numFmtId="0" fontId="2" fillId="0" borderId="1" xfId="0" applyFont="1" applyBorder="1" applyAlignment="1">
      <alignment horizontal="center" vertical="center" wrapText="1"/>
    </xf>
    <xf numFmtId="0" fontId="26" fillId="0" borderId="0" xfId="0" applyFont="1" applyAlignment="1">
      <alignment horizontal="center" vertical="center"/>
    </xf>
    <xf numFmtId="0" fontId="4" fillId="0" borderId="5" xfId="0" applyFont="1" applyBorder="1" applyAlignment="1">
      <alignment horizontal="center" vertical="center"/>
    </xf>
    <xf numFmtId="0" fontId="2" fillId="0" borderId="1" xfId="0" applyFont="1" applyBorder="1" applyAlignment="1">
      <alignment horizontal="center" vertical="center"/>
    </xf>
    <xf numFmtId="0" fontId="0" fillId="0" borderId="9" xfId="0" applyBorder="1" applyAlignment="1">
      <alignment horizontal="center" vertical="center"/>
    </xf>
    <xf numFmtId="0" fontId="0" fillId="0" borderId="8" xfId="0" applyBorder="1" applyAlignment="1">
      <alignment horizontal="center" vertical="center"/>
    </xf>
    <xf numFmtId="0" fontId="0" fillId="0" borderId="9" xfId="1" applyFont="1" applyBorder="1" applyAlignment="1">
      <alignment horizontal="center" vertical="center" shrinkToFit="1"/>
    </xf>
    <xf numFmtId="0" fontId="0" fillId="0" borderId="8" xfId="1" applyFont="1" applyBorder="1" applyAlignment="1">
      <alignment horizontal="center" vertical="center" shrinkToFit="1"/>
    </xf>
    <xf numFmtId="0" fontId="0" fillId="0" borderId="9" xfId="1" applyFont="1" applyBorder="1" applyAlignment="1">
      <alignment horizontal="center" vertical="center" wrapText="1"/>
    </xf>
    <xf numFmtId="0" fontId="0" fillId="0" borderId="8" xfId="1" applyFont="1" applyBorder="1" applyAlignment="1">
      <alignment horizontal="center" vertical="center" wrapText="1"/>
    </xf>
    <xf numFmtId="0" fontId="11" fillId="0" borderId="4" xfId="1" applyFont="1" applyBorder="1" applyAlignment="1">
      <alignment horizontal="center" vertical="center"/>
    </xf>
    <xf numFmtId="0" fontId="11" fillId="0" borderId="10" xfId="1" applyFont="1" applyBorder="1" applyAlignment="1">
      <alignment horizontal="center" vertical="center"/>
    </xf>
    <xf numFmtId="0" fontId="11" fillId="0" borderId="7" xfId="1" applyFont="1" applyBorder="1" applyAlignment="1">
      <alignment horizontal="center" vertical="center"/>
    </xf>
    <xf numFmtId="0" fontId="19" fillId="0" borderId="2" xfId="1" applyFont="1" applyBorder="1" applyAlignment="1">
      <alignment horizontal="center" vertical="center" wrapText="1" shrinkToFit="1"/>
    </xf>
  </cellXfs>
  <cellStyles count="9">
    <cellStyle name="標準" xfId="0" builtinId="0"/>
    <cellStyle name="標準 2" xfId="2"/>
    <cellStyle name="標準 2 2" xfId="1"/>
    <cellStyle name="標準 2 2 3" xfId="3"/>
    <cellStyle name="標準 3" xfId="4"/>
    <cellStyle name="標準 3 2" xfId="5"/>
    <cellStyle name="標準 4" xfId="6"/>
    <cellStyle name="標準 4 2" xfId="7"/>
    <cellStyle name="標準 4 3" xfId="8"/>
  </cellStyles>
  <dxfs count="0"/>
  <tableStyles count="0" defaultTableStyle="TableStyleMedium2" defaultPivotStyle="PivotStyleLight16"/>
  <colors>
    <mruColors>
      <color rgb="FF00FFFF"/>
      <color rgb="FFCC6600"/>
      <color rgb="FFFF99FF"/>
      <color rgb="FFCCFF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0</xdr:col>
      <xdr:colOff>0</xdr:colOff>
      <xdr:row>85</xdr:row>
      <xdr:rowOff>276225</xdr:rowOff>
    </xdr:from>
    <xdr:to>
      <xdr:col>0</xdr:col>
      <xdr:colOff>8700</xdr:colOff>
      <xdr:row>86</xdr:row>
      <xdr:rowOff>0</xdr:rowOff>
    </xdr:to>
    <xdr:sp macro="" textlink="">
      <xdr:nvSpPr>
        <xdr:cNvPr id="2" name="円/楕円 26">
          <a:extLst>
            <a:ext uri="{FF2B5EF4-FFF2-40B4-BE49-F238E27FC236}">
              <a16:creationId xmlns:a16="http://schemas.microsoft.com/office/drawing/2014/main" id="{BE2A7913-3DC8-46E1-BD6C-F27FCD392DAE}"/>
            </a:ext>
          </a:extLst>
        </xdr:cNvPr>
        <xdr:cNvSpPr/>
      </xdr:nvSpPr>
      <xdr:spPr bwMode="auto">
        <a:xfrm>
          <a:off x="0" y="32661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22</xdr:row>
      <xdr:rowOff>276225</xdr:rowOff>
    </xdr:from>
    <xdr:to>
      <xdr:col>0</xdr:col>
      <xdr:colOff>8700</xdr:colOff>
      <xdr:row>23</xdr:row>
      <xdr:rowOff>0</xdr:rowOff>
    </xdr:to>
    <xdr:sp macro="" textlink="">
      <xdr:nvSpPr>
        <xdr:cNvPr id="3" name="円/楕円 26">
          <a:extLst>
            <a:ext uri="{FF2B5EF4-FFF2-40B4-BE49-F238E27FC236}">
              <a16:creationId xmlns:a16="http://schemas.microsoft.com/office/drawing/2014/main" id="{2A19ABA4-3C45-49D5-A038-4A1491351FEF}"/>
            </a:ext>
          </a:extLst>
        </xdr:cNvPr>
        <xdr:cNvSpPr/>
      </xdr:nvSpPr>
      <xdr:spPr bwMode="auto">
        <a:xfrm>
          <a:off x="0" y="8658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86</xdr:row>
      <xdr:rowOff>276225</xdr:rowOff>
    </xdr:from>
    <xdr:to>
      <xdr:col>0</xdr:col>
      <xdr:colOff>8700</xdr:colOff>
      <xdr:row>87</xdr:row>
      <xdr:rowOff>0</xdr:rowOff>
    </xdr:to>
    <xdr:sp macro="" textlink="">
      <xdr:nvSpPr>
        <xdr:cNvPr id="4" name="円/楕円 26">
          <a:extLst>
            <a:ext uri="{FF2B5EF4-FFF2-40B4-BE49-F238E27FC236}">
              <a16:creationId xmlns:a16="http://schemas.microsoft.com/office/drawing/2014/main" id="{1F714A18-FDC2-4F32-B76F-8AD9D5BD8A0B}"/>
            </a:ext>
          </a:extLst>
        </xdr:cNvPr>
        <xdr:cNvSpPr/>
      </xdr:nvSpPr>
      <xdr:spPr bwMode="auto">
        <a:xfrm>
          <a:off x="0" y="33042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88</xdr:row>
      <xdr:rowOff>276225</xdr:rowOff>
    </xdr:from>
    <xdr:to>
      <xdr:col>0</xdr:col>
      <xdr:colOff>8700</xdr:colOff>
      <xdr:row>89</xdr:row>
      <xdr:rowOff>0</xdr:rowOff>
    </xdr:to>
    <xdr:sp macro="" textlink="">
      <xdr:nvSpPr>
        <xdr:cNvPr id="5" name="円/楕円 26">
          <a:extLst>
            <a:ext uri="{FF2B5EF4-FFF2-40B4-BE49-F238E27FC236}">
              <a16:creationId xmlns:a16="http://schemas.microsoft.com/office/drawing/2014/main" id="{B322522F-F5A1-46DB-97D1-6AF29985C85D}"/>
            </a:ext>
          </a:extLst>
        </xdr:cNvPr>
        <xdr:cNvSpPr/>
      </xdr:nvSpPr>
      <xdr:spPr bwMode="auto">
        <a:xfrm>
          <a:off x="0" y="33804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9</xdr:row>
      <xdr:rowOff>276225</xdr:rowOff>
    </xdr:from>
    <xdr:to>
      <xdr:col>0</xdr:col>
      <xdr:colOff>8700</xdr:colOff>
      <xdr:row>50</xdr:row>
      <xdr:rowOff>0</xdr:rowOff>
    </xdr:to>
    <xdr:sp macro="" textlink="">
      <xdr:nvSpPr>
        <xdr:cNvPr id="6" name="円/楕円 26">
          <a:extLst>
            <a:ext uri="{FF2B5EF4-FFF2-40B4-BE49-F238E27FC236}">
              <a16:creationId xmlns:a16="http://schemas.microsoft.com/office/drawing/2014/main" id="{C40B8083-2DBA-4C19-A656-7E4676CF2627}"/>
            </a:ext>
          </a:extLst>
        </xdr:cNvPr>
        <xdr:cNvSpPr/>
      </xdr:nvSpPr>
      <xdr:spPr bwMode="auto">
        <a:xfrm>
          <a:off x="0" y="18945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50</xdr:row>
      <xdr:rowOff>276225</xdr:rowOff>
    </xdr:from>
    <xdr:to>
      <xdr:col>0</xdr:col>
      <xdr:colOff>8700</xdr:colOff>
      <xdr:row>51</xdr:row>
      <xdr:rowOff>0</xdr:rowOff>
    </xdr:to>
    <xdr:sp macro="" textlink="">
      <xdr:nvSpPr>
        <xdr:cNvPr id="7" name="円/楕円 26">
          <a:extLst>
            <a:ext uri="{FF2B5EF4-FFF2-40B4-BE49-F238E27FC236}">
              <a16:creationId xmlns:a16="http://schemas.microsoft.com/office/drawing/2014/main" id="{87930A4E-5B54-4B0C-8A26-D9E08BE9CF21}"/>
            </a:ext>
          </a:extLst>
        </xdr:cNvPr>
        <xdr:cNvSpPr/>
      </xdr:nvSpPr>
      <xdr:spPr bwMode="auto">
        <a:xfrm>
          <a:off x="0" y="19326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23</xdr:row>
      <xdr:rowOff>276225</xdr:rowOff>
    </xdr:from>
    <xdr:to>
      <xdr:col>0</xdr:col>
      <xdr:colOff>8700</xdr:colOff>
      <xdr:row>24</xdr:row>
      <xdr:rowOff>0</xdr:rowOff>
    </xdr:to>
    <xdr:sp macro="" textlink="">
      <xdr:nvSpPr>
        <xdr:cNvPr id="8" name="円/楕円 26">
          <a:extLst>
            <a:ext uri="{FF2B5EF4-FFF2-40B4-BE49-F238E27FC236}">
              <a16:creationId xmlns:a16="http://schemas.microsoft.com/office/drawing/2014/main" id="{01FA455D-4BB0-42C5-9542-EE8B40640309}"/>
            </a:ext>
          </a:extLst>
        </xdr:cNvPr>
        <xdr:cNvSpPr/>
      </xdr:nvSpPr>
      <xdr:spPr bwMode="auto">
        <a:xfrm>
          <a:off x="0" y="9039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26</xdr:row>
      <xdr:rowOff>276225</xdr:rowOff>
    </xdr:from>
    <xdr:to>
      <xdr:col>0</xdr:col>
      <xdr:colOff>8700</xdr:colOff>
      <xdr:row>27</xdr:row>
      <xdr:rowOff>0</xdr:rowOff>
    </xdr:to>
    <xdr:sp macro="" textlink="">
      <xdr:nvSpPr>
        <xdr:cNvPr id="9" name="円/楕円 26">
          <a:extLst>
            <a:ext uri="{FF2B5EF4-FFF2-40B4-BE49-F238E27FC236}">
              <a16:creationId xmlns:a16="http://schemas.microsoft.com/office/drawing/2014/main" id="{9A1DD882-2CDC-454C-B287-96F0E39C6040}"/>
            </a:ext>
          </a:extLst>
        </xdr:cNvPr>
        <xdr:cNvSpPr/>
      </xdr:nvSpPr>
      <xdr:spPr bwMode="auto">
        <a:xfrm>
          <a:off x="0" y="10182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27</xdr:row>
      <xdr:rowOff>276225</xdr:rowOff>
    </xdr:from>
    <xdr:to>
      <xdr:col>0</xdr:col>
      <xdr:colOff>8700</xdr:colOff>
      <xdr:row>28</xdr:row>
      <xdr:rowOff>0</xdr:rowOff>
    </xdr:to>
    <xdr:sp macro="" textlink="">
      <xdr:nvSpPr>
        <xdr:cNvPr id="10" name="円/楕円 26">
          <a:extLst>
            <a:ext uri="{FF2B5EF4-FFF2-40B4-BE49-F238E27FC236}">
              <a16:creationId xmlns:a16="http://schemas.microsoft.com/office/drawing/2014/main" id="{F95849CF-2F58-48DD-9F6A-B5F85804F887}"/>
            </a:ext>
          </a:extLst>
        </xdr:cNvPr>
        <xdr:cNvSpPr/>
      </xdr:nvSpPr>
      <xdr:spPr bwMode="auto">
        <a:xfrm>
          <a:off x="0" y="10563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24</xdr:row>
      <xdr:rowOff>276225</xdr:rowOff>
    </xdr:from>
    <xdr:to>
      <xdr:col>0</xdr:col>
      <xdr:colOff>8700</xdr:colOff>
      <xdr:row>25</xdr:row>
      <xdr:rowOff>0</xdr:rowOff>
    </xdr:to>
    <xdr:sp macro="" textlink="">
      <xdr:nvSpPr>
        <xdr:cNvPr id="11" name="円/楕円 26">
          <a:extLst>
            <a:ext uri="{FF2B5EF4-FFF2-40B4-BE49-F238E27FC236}">
              <a16:creationId xmlns:a16="http://schemas.microsoft.com/office/drawing/2014/main" id="{F4600154-4732-4C3B-B2C1-8CF9C8B44800}"/>
            </a:ext>
          </a:extLst>
        </xdr:cNvPr>
        <xdr:cNvSpPr/>
      </xdr:nvSpPr>
      <xdr:spPr bwMode="auto">
        <a:xfrm>
          <a:off x="0" y="9420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25</xdr:row>
      <xdr:rowOff>276225</xdr:rowOff>
    </xdr:from>
    <xdr:to>
      <xdr:col>0</xdr:col>
      <xdr:colOff>8700</xdr:colOff>
      <xdr:row>26</xdr:row>
      <xdr:rowOff>0</xdr:rowOff>
    </xdr:to>
    <xdr:sp macro="" textlink="">
      <xdr:nvSpPr>
        <xdr:cNvPr id="12" name="円/楕円 26">
          <a:extLst>
            <a:ext uri="{FF2B5EF4-FFF2-40B4-BE49-F238E27FC236}">
              <a16:creationId xmlns:a16="http://schemas.microsoft.com/office/drawing/2014/main" id="{BEE630F4-2A94-4748-9970-EF548BA6D182}"/>
            </a:ext>
          </a:extLst>
        </xdr:cNvPr>
        <xdr:cNvSpPr/>
      </xdr:nvSpPr>
      <xdr:spPr bwMode="auto">
        <a:xfrm>
          <a:off x="0" y="9801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29</xdr:row>
      <xdr:rowOff>276225</xdr:rowOff>
    </xdr:from>
    <xdr:to>
      <xdr:col>0</xdr:col>
      <xdr:colOff>8700</xdr:colOff>
      <xdr:row>30</xdr:row>
      <xdr:rowOff>0</xdr:rowOff>
    </xdr:to>
    <xdr:sp macro="" textlink="">
      <xdr:nvSpPr>
        <xdr:cNvPr id="13" name="円/楕円 26">
          <a:extLst>
            <a:ext uri="{FF2B5EF4-FFF2-40B4-BE49-F238E27FC236}">
              <a16:creationId xmlns:a16="http://schemas.microsoft.com/office/drawing/2014/main" id="{569BBC59-8F74-4310-84F9-B1F367C6960E}"/>
            </a:ext>
          </a:extLst>
        </xdr:cNvPr>
        <xdr:cNvSpPr/>
      </xdr:nvSpPr>
      <xdr:spPr bwMode="auto">
        <a:xfrm>
          <a:off x="0" y="11325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1</xdr:row>
      <xdr:rowOff>276225</xdr:rowOff>
    </xdr:from>
    <xdr:to>
      <xdr:col>0</xdr:col>
      <xdr:colOff>8700</xdr:colOff>
      <xdr:row>32</xdr:row>
      <xdr:rowOff>0</xdr:rowOff>
    </xdr:to>
    <xdr:sp macro="" textlink="">
      <xdr:nvSpPr>
        <xdr:cNvPr id="14" name="円/楕円 26">
          <a:extLst>
            <a:ext uri="{FF2B5EF4-FFF2-40B4-BE49-F238E27FC236}">
              <a16:creationId xmlns:a16="http://schemas.microsoft.com/office/drawing/2014/main" id="{6660154A-2656-4657-9FE1-3C3275549137}"/>
            </a:ext>
          </a:extLst>
        </xdr:cNvPr>
        <xdr:cNvSpPr/>
      </xdr:nvSpPr>
      <xdr:spPr bwMode="auto">
        <a:xfrm>
          <a:off x="0" y="12087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2</xdr:row>
      <xdr:rowOff>276225</xdr:rowOff>
    </xdr:from>
    <xdr:to>
      <xdr:col>0</xdr:col>
      <xdr:colOff>8700</xdr:colOff>
      <xdr:row>33</xdr:row>
      <xdr:rowOff>0</xdr:rowOff>
    </xdr:to>
    <xdr:sp macro="" textlink="">
      <xdr:nvSpPr>
        <xdr:cNvPr id="15" name="円/楕円 26">
          <a:extLst>
            <a:ext uri="{FF2B5EF4-FFF2-40B4-BE49-F238E27FC236}">
              <a16:creationId xmlns:a16="http://schemas.microsoft.com/office/drawing/2014/main" id="{7C037E1C-FC6A-432F-A2E2-2E72BE617CFA}"/>
            </a:ext>
          </a:extLst>
        </xdr:cNvPr>
        <xdr:cNvSpPr/>
      </xdr:nvSpPr>
      <xdr:spPr bwMode="auto">
        <a:xfrm>
          <a:off x="0" y="12468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91</xdr:row>
      <xdr:rowOff>276225</xdr:rowOff>
    </xdr:from>
    <xdr:to>
      <xdr:col>0</xdr:col>
      <xdr:colOff>8700</xdr:colOff>
      <xdr:row>92</xdr:row>
      <xdr:rowOff>0</xdr:rowOff>
    </xdr:to>
    <xdr:sp macro="" textlink="">
      <xdr:nvSpPr>
        <xdr:cNvPr id="16" name="円/楕円 26">
          <a:extLst>
            <a:ext uri="{FF2B5EF4-FFF2-40B4-BE49-F238E27FC236}">
              <a16:creationId xmlns:a16="http://schemas.microsoft.com/office/drawing/2014/main" id="{8DD2A2A2-7C6C-4C77-A36A-2B08DDD003F4}"/>
            </a:ext>
          </a:extLst>
        </xdr:cNvPr>
        <xdr:cNvSpPr/>
      </xdr:nvSpPr>
      <xdr:spPr bwMode="auto">
        <a:xfrm>
          <a:off x="0" y="34947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92</xdr:row>
      <xdr:rowOff>276225</xdr:rowOff>
    </xdr:from>
    <xdr:to>
      <xdr:col>0</xdr:col>
      <xdr:colOff>8700</xdr:colOff>
      <xdr:row>93</xdr:row>
      <xdr:rowOff>0</xdr:rowOff>
    </xdr:to>
    <xdr:sp macro="" textlink="">
      <xdr:nvSpPr>
        <xdr:cNvPr id="17" name="円/楕円 26">
          <a:extLst>
            <a:ext uri="{FF2B5EF4-FFF2-40B4-BE49-F238E27FC236}">
              <a16:creationId xmlns:a16="http://schemas.microsoft.com/office/drawing/2014/main" id="{F770374C-3523-401F-A691-75C5FB56FAB8}"/>
            </a:ext>
          </a:extLst>
        </xdr:cNvPr>
        <xdr:cNvSpPr/>
      </xdr:nvSpPr>
      <xdr:spPr bwMode="auto">
        <a:xfrm>
          <a:off x="0" y="35328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93</xdr:row>
      <xdr:rowOff>276225</xdr:rowOff>
    </xdr:from>
    <xdr:to>
      <xdr:col>0</xdr:col>
      <xdr:colOff>8700</xdr:colOff>
      <xdr:row>94</xdr:row>
      <xdr:rowOff>0</xdr:rowOff>
    </xdr:to>
    <xdr:sp macro="" textlink="">
      <xdr:nvSpPr>
        <xdr:cNvPr id="18" name="円/楕円 26">
          <a:extLst>
            <a:ext uri="{FF2B5EF4-FFF2-40B4-BE49-F238E27FC236}">
              <a16:creationId xmlns:a16="http://schemas.microsoft.com/office/drawing/2014/main" id="{D357E2C4-3A04-4E67-84E8-806D80AFCA20}"/>
            </a:ext>
          </a:extLst>
        </xdr:cNvPr>
        <xdr:cNvSpPr/>
      </xdr:nvSpPr>
      <xdr:spPr bwMode="auto">
        <a:xfrm>
          <a:off x="0" y="35709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94</xdr:row>
      <xdr:rowOff>276225</xdr:rowOff>
    </xdr:from>
    <xdr:to>
      <xdr:col>0</xdr:col>
      <xdr:colOff>8700</xdr:colOff>
      <xdr:row>95</xdr:row>
      <xdr:rowOff>0</xdr:rowOff>
    </xdr:to>
    <xdr:sp macro="" textlink="">
      <xdr:nvSpPr>
        <xdr:cNvPr id="19" name="円/楕円 26">
          <a:extLst>
            <a:ext uri="{FF2B5EF4-FFF2-40B4-BE49-F238E27FC236}">
              <a16:creationId xmlns:a16="http://schemas.microsoft.com/office/drawing/2014/main" id="{1FFD7EB0-F9D4-48CF-946C-2E6E572BFFF4}"/>
            </a:ext>
          </a:extLst>
        </xdr:cNvPr>
        <xdr:cNvSpPr/>
      </xdr:nvSpPr>
      <xdr:spPr bwMode="auto">
        <a:xfrm>
          <a:off x="0" y="36090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95</xdr:row>
      <xdr:rowOff>276225</xdr:rowOff>
    </xdr:from>
    <xdr:to>
      <xdr:col>0</xdr:col>
      <xdr:colOff>8700</xdr:colOff>
      <xdr:row>96</xdr:row>
      <xdr:rowOff>0</xdr:rowOff>
    </xdr:to>
    <xdr:sp macro="" textlink="">
      <xdr:nvSpPr>
        <xdr:cNvPr id="20" name="円/楕円 26">
          <a:extLst>
            <a:ext uri="{FF2B5EF4-FFF2-40B4-BE49-F238E27FC236}">
              <a16:creationId xmlns:a16="http://schemas.microsoft.com/office/drawing/2014/main" id="{17E35B17-211D-4760-9D98-1156266B5CDD}"/>
            </a:ext>
          </a:extLst>
        </xdr:cNvPr>
        <xdr:cNvSpPr/>
      </xdr:nvSpPr>
      <xdr:spPr bwMode="auto">
        <a:xfrm>
          <a:off x="0" y="36471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39</xdr:row>
      <xdr:rowOff>276225</xdr:rowOff>
    </xdr:from>
    <xdr:to>
      <xdr:col>0</xdr:col>
      <xdr:colOff>8700</xdr:colOff>
      <xdr:row>140</xdr:row>
      <xdr:rowOff>0</xdr:rowOff>
    </xdr:to>
    <xdr:sp macro="" textlink="">
      <xdr:nvSpPr>
        <xdr:cNvPr id="21" name="円/楕円 26">
          <a:extLst>
            <a:ext uri="{FF2B5EF4-FFF2-40B4-BE49-F238E27FC236}">
              <a16:creationId xmlns:a16="http://schemas.microsoft.com/office/drawing/2014/main" id="{EBA94552-2466-40C4-A177-8DE57D8F06B0}"/>
            </a:ext>
          </a:extLst>
        </xdr:cNvPr>
        <xdr:cNvSpPr/>
      </xdr:nvSpPr>
      <xdr:spPr bwMode="auto">
        <a:xfrm>
          <a:off x="0" y="53235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12</xdr:row>
      <xdr:rowOff>276225</xdr:rowOff>
    </xdr:from>
    <xdr:to>
      <xdr:col>0</xdr:col>
      <xdr:colOff>8700</xdr:colOff>
      <xdr:row>113</xdr:row>
      <xdr:rowOff>0</xdr:rowOff>
    </xdr:to>
    <xdr:sp macro="" textlink="">
      <xdr:nvSpPr>
        <xdr:cNvPr id="22" name="円/楕円 26">
          <a:extLst>
            <a:ext uri="{FF2B5EF4-FFF2-40B4-BE49-F238E27FC236}">
              <a16:creationId xmlns:a16="http://schemas.microsoft.com/office/drawing/2014/main" id="{81A9823F-6EB9-49A2-9453-9614E79B0777}"/>
            </a:ext>
          </a:extLst>
        </xdr:cNvPr>
        <xdr:cNvSpPr/>
      </xdr:nvSpPr>
      <xdr:spPr bwMode="auto">
        <a:xfrm>
          <a:off x="0" y="42948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5</xdr:row>
      <xdr:rowOff>276225</xdr:rowOff>
    </xdr:from>
    <xdr:to>
      <xdr:col>0</xdr:col>
      <xdr:colOff>8700</xdr:colOff>
      <xdr:row>36</xdr:row>
      <xdr:rowOff>0</xdr:rowOff>
    </xdr:to>
    <xdr:sp macro="" textlink="">
      <xdr:nvSpPr>
        <xdr:cNvPr id="23" name="円/楕円 26">
          <a:extLst>
            <a:ext uri="{FF2B5EF4-FFF2-40B4-BE49-F238E27FC236}">
              <a16:creationId xmlns:a16="http://schemas.microsoft.com/office/drawing/2014/main" id="{C253A423-84FC-4A18-8703-E09F27AA040A}"/>
            </a:ext>
          </a:extLst>
        </xdr:cNvPr>
        <xdr:cNvSpPr/>
      </xdr:nvSpPr>
      <xdr:spPr bwMode="auto">
        <a:xfrm>
          <a:off x="0" y="13611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40</xdr:row>
      <xdr:rowOff>276225</xdr:rowOff>
    </xdr:from>
    <xdr:to>
      <xdr:col>0</xdr:col>
      <xdr:colOff>8700</xdr:colOff>
      <xdr:row>141</xdr:row>
      <xdr:rowOff>0</xdr:rowOff>
    </xdr:to>
    <xdr:sp macro="" textlink="">
      <xdr:nvSpPr>
        <xdr:cNvPr id="24" name="円/楕円 26">
          <a:extLst>
            <a:ext uri="{FF2B5EF4-FFF2-40B4-BE49-F238E27FC236}">
              <a16:creationId xmlns:a16="http://schemas.microsoft.com/office/drawing/2014/main" id="{8E696D38-56D8-4B08-BAE2-29865D6E30EA}"/>
            </a:ext>
          </a:extLst>
        </xdr:cNvPr>
        <xdr:cNvSpPr/>
      </xdr:nvSpPr>
      <xdr:spPr bwMode="auto">
        <a:xfrm>
          <a:off x="0" y="53616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14</xdr:row>
      <xdr:rowOff>276225</xdr:rowOff>
    </xdr:from>
    <xdr:to>
      <xdr:col>0</xdr:col>
      <xdr:colOff>8700</xdr:colOff>
      <xdr:row>115</xdr:row>
      <xdr:rowOff>0</xdr:rowOff>
    </xdr:to>
    <xdr:sp macro="" textlink="">
      <xdr:nvSpPr>
        <xdr:cNvPr id="25" name="円/楕円 26">
          <a:extLst>
            <a:ext uri="{FF2B5EF4-FFF2-40B4-BE49-F238E27FC236}">
              <a16:creationId xmlns:a16="http://schemas.microsoft.com/office/drawing/2014/main" id="{24B87105-C36C-4F76-869D-01C48B63A1A5}"/>
            </a:ext>
          </a:extLst>
        </xdr:cNvPr>
        <xdr:cNvSpPr/>
      </xdr:nvSpPr>
      <xdr:spPr bwMode="auto">
        <a:xfrm>
          <a:off x="0" y="43710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43</xdr:row>
      <xdr:rowOff>276225</xdr:rowOff>
    </xdr:from>
    <xdr:to>
      <xdr:col>0</xdr:col>
      <xdr:colOff>8700</xdr:colOff>
      <xdr:row>144</xdr:row>
      <xdr:rowOff>0</xdr:rowOff>
    </xdr:to>
    <xdr:sp macro="" textlink="">
      <xdr:nvSpPr>
        <xdr:cNvPr id="26" name="円/楕円 26">
          <a:extLst>
            <a:ext uri="{FF2B5EF4-FFF2-40B4-BE49-F238E27FC236}">
              <a16:creationId xmlns:a16="http://schemas.microsoft.com/office/drawing/2014/main" id="{CD9FCA67-8193-45FA-B708-3F3EA17A899B}"/>
            </a:ext>
          </a:extLst>
        </xdr:cNvPr>
        <xdr:cNvSpPr/>
      </xdr:nvSpPr>
      <xdr:spPr bwMode="auto">
        <a:xfrm>
          <a:off x="0" y="54759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15</xdr:row>
      <xdr:rowOff>276225</xdr:rowOff>
    </xdr:from>
    <xdr:to>
      <xdr:col>0</xdr:col>
      <xdr:colOff>8700</xdr:colOff>
      <xdr:row>116</xdr:row>
      <xdr:rowOff>0</xdr:rowOff>
    </xdr:to>
    <xdr:sp macro="" textlink="">
      <xdr:nvSpPr>
        <xdr:cNvPr id="27" name="円/楕円 26">
          <a:extLst>
            <a:ext uri="{FF2B5EF4-FFF2-40B4-BE49-F238E27FC236}">
              <a16:creationId xmlns:a16="http://schemas.microsoft.com/office/drawing/2014/main" id="{D405C52B-C194-4F9C-B818-89DF2755BEAE}"/>
            </a:ext>
          </a:extLst>
        </xdr:cNvPr>
        <xdr:cNvSpPr/>
      </xdr:nvSpPr>
      <xdr:spPr bwMode="auto">
        <a:xfrm>
          <a:off x="0" y="44091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6</xdr:row>
      <xdr:rowOff>276225</xdr:rowOff>
    </xdr:from>
    <xdr:to>
      <xdr:col>0</xdr:col>
      <xdr:colOff>8700</xdr:colOff>
      <xdr:row>37</xdr:row>
      <xdr:rowOff>0</xdr:rowOff>
    </xdr:to>
    <xdr:sp macro="" textlink="">
      <xdr:nvSpPr>
        <xdr:cNvPr id="28" name="円/楕円 26">
          <a:extLst>
            <a:ext uri="{FF2B5EF4-FFF2-40B4-BE49-F238E27FC236}">
              <a16:creationId xmlns:a16="http://schemas.microsoft.com/office/drawing/2014/main" id="{3AC82C59-EAF0-4473-B523-2CD791295E90}"/>
            </a:ext>
          </a:extLst>
        </xdr:cNvPr>
        <xdr:cNvSpPr/>
      </xdr:nvSpPr>
      <xdr:spPr bwMode="auto">
        <a:xfrm>
          <a:off x="0" y="13992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56</xdr:row>
      <xdr:rowOff>276225</xdr:rowOff>
    </xdr:from>
    <xdr:to>
      <xdr:col>0</xdr:col>
      <xdr:colOff>8700</xdr:colOff>
      <xdr:row>57</xdr:row>
      <xdr:rowOff>0</xdr:rowOff>
    </xdr:to>
    <xdr:sp macro="" textlink="">
      <xdr:nvSpPr>
        <xdr:cNvPr id="29" name="円/楕円 26">
          <a:extLst>
            <a:ext uri="{FF2B5EF4-FFF2-40B4-BE49-F238E27FC236}">
              <a16:creationId xmlns:a16="http://schemas.microsoft.com/office/drawing/2014/main" id="{B162ECC7-196C-4AAE-A0BA-8A6CC27070AD}"/>
            </a:ext>
          </a:extLst>
        </xdr:cNvPr>
        <xdr:cNvSpPr/>
      </xdr:nvSpPr>
      <xdr:spPr bwMode="auto">
        <a:xfrm>
          <a:off x="0" y="21612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9</xdr:row>
      <xdr:rowOff>276225</xdr:rowOff>
    </xdr:from>
    <xdr:to>
      <xdr:col>0</xdr:col>
      <xdr:colOff>8700</xdr:colOff>
      <xdr:row>40</xdr:row>
      <xdr:rowOff>0</xdr:rowOff>
    </xdr:to>
    <xdr:sp macro="" textlink="">
      <xdr:nvSpPr>
        <xdr:cNvPr id="30" name="円/楕円 26">
          <a:extLst>
            <a:ext uri="{FF2B5EF4-FFF2-40B4-BE49-F238E27FC236}">
              <a16:creationId xmlns:a16="http://schemas.microsoft.com/office/drawing/2014/main" id="{7A5C0A8A-B5DA-4D09-909C-8A3EAFE632A3}"/>
            </a:ext>
          </a:extLst>
        </xdr:cNvPr>
        <xdr:cNvSpPr/>
      </xdr:nvSpPr>
      <xdr:spPr bwMode="auto">
        <a:xfrm>
          <a:off x="0" y="15135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41</xdr:row>
      <xdr:rowOff>276225</xdr:rowOff>
    </xdr:from>
    <xdr:to>
      <xdr:col>0</xdr:col>
      <xdr:colOff>8700</xdr:colOff>
      <xdr:row>142</xdr:row>
      <xdr:rowOff>0</xdr:rowOff>
    </xdr:to>
    <xdr:sp macro="" textlink="">
      <xdr:nvSpPr>
        <xdr:cNvPr id="31" name="円/楕円 26">
          <a:extLst>
            <a:ext uri="{FF2B5EF4-FFF2-40B4-BE49-F238E27FC236}">
              <a16:creationId xmlns:a16="http://schemas.microsoft.com/office/drawing/2014/main" id="{676086B0-FE04-49AE-A6FA-F864ACBE9769}"/>
            </a:ext>
          </a:extLst>
        </xdr:cNvPr>
        <xdr:cNvSpPr/>
      </xdr:nvSpPr>
      <xdr:spPr bwMode="auto">
        <a:xfrm>
          <a:off x="0" y="53997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42</xdr:row>
      <xdr:rowOff>276225</xdr:rowOff>
    </xdr:from>
    <xdr:to>
      <xdr:col>0</xdr:col>
      <xdr:colOff>8700</xdr:colOff>
      <xdr:row>143</xdr:row>
      <xdr:rowOff>0</xdr:rowOff>
    </xdr:to>
    <xdr:sp macro="" textlink="">
      <xdr:nvSpPr>
        <xdr:cNvPr id="32" name="円/楕円 26">
          <a:extLst>
            <a:ext uri="{FF2B5EF4-FFF2-40B4-BE49-F238E27FC236}">
              <a16:creationId xmlns:a16="http://schemas.microsoft.com/office/drawing/2014/main" id="{D73BDEE6-CDF3-46C4-B6F5-54A4B1B6C7EB}"/>
            </a:ext>
          </a:extLst>
        </xdr:cNvPr>
        <xdr:cNvSpPr/>
      </xdr:nvSpPr>
      <xdr:spPr bwMode="auto">
        <a:xfrm>
          <a:off x="0" y="54378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1</xdr:row>
      <xdr:rowOff>276225</xdr:rowOff>
    </xdr:from>
    <xdr:to>
      <xdr:col>0</xdr:col>
      <xdr:colOff>8700</xdr:colOff>
      <xdr:row>42</xdr:row>
      <xdr:rowOff>0</xdr:rowOff>
    </xdr:to>
    <xdr:sp macro="" textlink="">
      <xdr:nvSpPr>
        <xdr:cNvPr id="33" name="円/楕円 26">
          <a:extLst>
            <a:ext uri="{FF2B5EF4-FFF2-40B4-BE49-F238E27FC236}">
              <a16:creationId xmlns:a16="http://schemas.microsoft.com/office/drawing/2014/main" id="{1B752832-101A-4664-9400-E72683BE51E7}"/>
            </a:ext>
          </a:extLst>
        </xdr:cNvPr>
        <xdr:cNvSpPr/>
      </xdr:nvSpPr>
      <xdr:spPr bwMode="auto">
        <a:xfrm>
          <a:off x="0" y="15897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2</xdr:row>
      <xdr:rowOff>276225</xdr:rowOff>
    </xdr:from>
    <xdr:to>
      <xdr:col>0</xdr:col>
      <xdr:colOff>8700</xdr:colOff>
      <xdr:row>43</xdr:row>
      <xdr:rowOff>0</xdr:rowOff>
    </xdr:to>
    <xdr:sp macro="" textlink="">
      <xdr:nvSpPr>
        <xdr:cNvPr id="34" name="円/楕円 26">
          <a:extLst>
            <a:ext uri="{FF2B5EF4-FFF2-40B4-BE49-F238E27FC236}">
              <a16:creationId xmlns:a16="http://schemas.microsoft.com/office/drawing/2014/main" id="{68C968DE-136E-4194-80E7-21B0136BE265}"/>
            </a:ext>
          </a:extLst>
        </xdr:cNvPr>
        <xdr:cNvSpPr/>
      </xdr:nvSpPr>
      <xdr:spPr bwMode="auto">
        <a:xfrm>
          <a:off x="0" y="16278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3</xdr:row>
      <xdr:rowOff>276225</xdr:rowOff>
    </xdr:from>
    <xdr:to>
      <xdr:col>0</xdr:col>
      <xdr:colOff>8700</xdr:colOff>
      <xdr:row>44</xdr:row>
      <xdr:rowOff>0</xdr:rowOff>
    </xdr:to>
    <xdr:sp macro="" textlink="">
      <xdr:nvSpPr>
        <xdr:cNvPr id="35" name="円/楕円 26">
          <a:extLst>
            <a:ext uri="{FF2B5EF4-FFF2-40B4-BE49-F238E27FC236}">
              <a16:creationId xmlns:a16="http://schemas.microsoft.com/office/drawing/2014/main" id="{28ED2468-2060-4497-82C2-CDF5334B5C63}"/>
            </a:ext>
          </a:extLst>
        </xdr:cNvPr>
        <xdr:cNvSpPr/>
      </xdr:nvSpPr>
      <xdr:spPr bwMode="auto">
        <a:xfrm>
          <a:off x="0" y="16659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4</xdr:row>
      <xdr:rowOff>276225</xdr:rowOff>
    </xdr:from>
    <xdr:to>
      <xdr:col>0</xdr:col>
      <xdr:colOff>8700</xdr:colOff>
      <xdr:row>45</xdr:row>
      <xdr:rowOff>0</xdr:rowOff>
    </xdr:to>
    <xdr:sp macro="" textlink="">
      <xdr:nvSpPr>
        <xdr:cNvPr id="36" name="円/楕円 26">
          <a:extLst>
            <a:ext uri="{FF2B5EF4-FFF2-40B4-BE49-F238E27FC236}">
              <a16:creationId xmlns:a16="http://schemas.microsoft.com/office/drawing/2014/main" id="{FAEB0085-1A47-444D-96B4-28375806D66F}"/>
            </a:ext>
          </a:extLst>
        </xdr:cNvPr>
        <xdr:cNvSpPr/>
      </xdr:nvSpPr>
      <xdr:spPr bwMode="auto">
        <a:xfrm>
          <a:off x="0" y="17040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6</xdr:row>
      <xdr:rowOff>276225</xdr:rowOff>
    </xdr:from>
    <xdr:to>
      <xdr:col>0</xdr:col>
      <xdr:colOff>8700</xdr:colOff>
      <xdr:row>47</xdr:row>
      <xdr:rowOff>0</xdr:rowOff>
    </xdr:to>
    <xdr:sp macro="" textlink="">
      <xdr:nvSpPr>
        <xdr:cNvPr id="37" name="円/楕円 26">
          <a:extLst>
            <a:ext uri="{FF2B5EF4-FFF2-40B4-BE49-F238E27FC236}">
              <a16:creationId xmlns:a16="http://schemas.microsoft.com/office/drawing/2014/main" id="{9AEE4BC2-3179-440F-8105-952978EEA4A0}"/>
            </a:ext>
          </a:extLst>
        </xdr:cNvPr>
        <xdr:cNvSpPr/>
      </xdr:nvSpPr>
      <xdr:spPr bwMode="auto">
        <a:xfrm>
          <a:off x="0" y="17802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7</xdr:row>
      <xdr:rowOff>276225</xdr:rowOff>
    </xdr:from>
    <xdr:to>
      <xdr:col>0</xdr:col>
      <xdr:colOff>8700</xdr:colOff>
      <xdr:row>48</xdr:row>
      <xdr:rowOff>0</xdr:rowOff>
    </xdr:to>
    <xdr:sp macro="" textlink="">
      <xdr:nvSpPr>
        <xdr:cNvPr id="38" name="円/楕円 26">
          <a:extLst>
            <a:ext uri="{FF2B5EF4-FFF2-40B4-BE49-F238E27FC236}">
              <a16:creationId xmlns:a16="http://schemas.microsoft.com/office/drawing/2014/main" id="{0AFFED18-AC50-4135-96C7-5D8373C39DED}"/>
            </a:ext>
          </a:extLst>
        </xdr:cNvPr>
        <xdr:cNvSpPr/>
      </xdr:nvSpPr>
      <xdr:spPr bwMode="auto">
        <a:xfrm>
          <a:off x="0" y="18183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8</xdr:row>
      <xdr:rowOff>276225</xdr:rowOff>
    </xdr:from>
    <xdr:to>
      <xdr:col>0</xdr:col>
      <xdr:colOff>8700</xdr:colOff>
      <xdr:row>49</xdr:row>
      <xdr:rowOff>0</xdr:rowOff>
    </xdr:to>
    <xdr:sp macro="" textlink="">
      <xdr:nvSpPr>
        <xdr:cNvPr id="39" name="円/楕円 26">
          <a:extLst>
            <a:ext uri="{FF2B5EF4-FFF2-40B4-BE49-F238E27FC236}">
              <a16:creationId xmlns:a16="http://schemas.microsoft.com/office/drawing/2014/main" id="{730B573B-AAF4-4638-B804-8AE8A741A9A3}"/>
            </a:ext>
          </a:extLst>
        </xdr:cNvPr>
        <xdr:cNvSpPr/>
      </xdr:nvSpPr>
      <xdr:spPr bwMode="auto">
        <a:xfrm>
          <a:off x="0" y="18564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01</xdr:row>
      <xdr:rowOff>276225</xdr:rowOff>
    </xdr:from>
    <xdr:to>
      <xdr:col>0</xdr:col>
      <xdr:colOff>8700</xdr:colOff>
      <xdr:row>102</xdr:row>
      <xdr:rowOff>0</xdr:rowOff>
    </xdr:to>
    <xdr:sp macro="" textlink="">
      <xdr:nvSpPr>
        <xdr:cNvPr id="40" name="円/楕円 26">
          <a:extLst>
            <a:ext uri="{FF2B5EF4-FFF2-40B4-BE49-F238E27FC236}">
              <a16:creationId xmlns:a16="http://schemas.microsoft.com/office/drawing/2014/main" id="{964D14AD-9B55-4096-88B4-7AFEBE314F8B}"/>
            </a:ext>
          </a:extLst>
        </xdr:cNvPr>
        <xdr:cNvSpPr/>
      </xdr:nvSpPr>
      <xdr:spPr bwMode="auto">
        <a:xfrm>
          <a:off x="0" y="38757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63</xdr:row>
      <xdr:rowOff>276225</xdr:rowOff>
    </xdr:from>
    <xdr:to>
      <xdr:col>0</xdr:col>
      <xdr:colOff>8700</xdr:colOff>
      <xdr:row>64</xdr:row>
      <xdr:rowOff>0</xdr:rowOff>
    </xdr:to>
    <xdr:sp macro="" textlink="">
      <xdr:nvSpPr>
        <xdr:cNvPr id="41" name="円/楕円 26">
          <a:extLst>
            <a:ext uri="{FF2B5EF4-FFF2-40B4-BE49-F238E27FC236}">
              <a16:creationId xmlns:a16="http://schemas.microsoft.com/office/drawing/2014/main" id="{F816AF7B-2A62-4CE3-BA07-43423C6CC963}"/>
            </a:ext>
          </a:extLst>
        </xdr:cNvPr>
        <xdr:cNvSpPr/>
      </xdr:nvSpPr>
      <xdr:spPr bwMode="auto">
        <a:xfrm>
          <a:off x="0" y="24279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68</xdr:row>
      <xdr:rowOff>276225</xdr:rowOff>
    </xdr:from>
    <xdr:to>
      <xdr:col>0</xdr:col>
      <xdr:colOff>8700</xdr:colOff>
      <xdr:row>69</xdr:row>
      <xdr:rowOff>0</xdr:rowOff>
    </xdr:to>
    <xdr:sp macro="" textlink="">
      <xdr:nvSpPr>
        <xdr:cNvPr id="42" name="円/楕円 26">
          <a:extLst>
            <a:ext uri="{FF2B5EF4-FFF2-40B4-BE49-F238E27FC236}">
              <a16:creationId xmlns:a16="http://schemas.microsoft.com/office/drawing/2014/main" id="{A514401F-D35D-4E0A-8679-74DFEBD3CFF2}"/>
            </a:ext>
          </a:extLst>
        </xdr:cNvPr>
        <xdr:cNvSpPr/>
      </xdr:nvSpPr>
      <xdr:spPr bwMode="auto">
        <a:xfrm>
          <a:off x="0" y="26184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44</xdr:row>
      <xdr:rowOff>276225</xdr:rowOff>
    </xdr:from>
    <xdr:to>
      <xdr:col>0</xdr:col>
      <xdr:colOff>8700</xdr:colOff>
      <xdr:row>145</xdr:row>
      <xdr:rowOff>0</xdr:rowOff>
    </xdr:to>
    <xdr:sp macro="" textlink="">
      <xdr:nvSpPr>
        <xdr:cNvPr id="43" name="円/楕円 26">
          <a:extLst>
            <a:ext uri="{FF2B5EF4-FFF2-40B4-BE49-F238E27FC236}">
              <a16:creationId xmlns:a16="http://schemas.microsoft.com/office/drawing/2014/main" id="{BE8D6557-AB4F-4C0F-A93B-EB4A78A3AE2A}"/>
            </a:ext>
          </a:extLst>
        </xdr:cNvPr>
        <xdr:cNvSpPr/>
      </xdr:nvSpPr>
      <xdr:spPr bwMode="auto">
        <a:xfrm>
          <a:off x="0" y="55140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0</xdr:row>
      <xdr:rowOff>276225</xdr:rowOff>
    </xdr:from>
    <xdr:to>
      <xdr:col>0</xdr:col>
      <xdr:colOff>8700</xdr:colOff>
      <xdr:row>31</xdr:row>
      <xdr:rowOff>0</xdr:rowOff>
    </xdr:to>
    <xdr:sp macro="" textlink="">
      <xdr:nvSpPr>
        <xdr:cNvPr id="44" name="円/楕円 26">
          <a:extLst>
            <a:ext uri="{FF2B5EF4-FFF2-40B4-BE49-F238E27FC236}">
              <a16:creationId xmlns:a16="http://schemas.microsoft.com/office/drawing/2014/main" id="{8C154EE0-558D-4488-868E-890F018B7B96}"/>
            </a:ext>
          </a:extLst>
        </xdr:cNvPr>
        <xdr:cNvSpPr/>
      </xdr:nvSpPr>
      <xdr:spPr bwMode="auto">
        <a:xfrm>
          <a:off x="0" y="11706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3</xdr:row>
      <xdr:rowOff>276225</xdr:rowOff>
    </xdr:from>
    <xdr:to>
      <xdr:col>0</xdr:col>
      <xdr:colOff>8700</xdr:colOff>
      <xdr:row>34</xdr:row>
      <xdr:rowOff>0</xdr:rowOff>
    </xdr:to>
    <xdr:sp macro="" textlink="">
      <xdr:nvSpPr>
        <xdr:cNvPr id="45" name="円/楕円 26">
          <a:extLst>
            <a:ext uri="{FF2B5EF4-FFF2-40B4-BE49-F238E27FC236}">
              <a16:creationId xmlns:a16="http://schemas.microsoft.com/office/drawing/2014/main" id="{CF9B5EA7-49B7-4293-8C3C-A937D7977034}"/>
            </a:ext>
          </a:extLst>
        </xdr:cNvPr>
        <xdr:cNvSpPr/>
      </xdr:nvSpPr>
      <xdr:spPr bwMode="auto">
        <a:xfrm>
          <a:off x="0" y="12849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96</xdr:row>
      <xdr:rowOff>276225</xdr:rowOff>
    </xdr:from>
    <xdr:to>
      <xdr:col>0</xdr:col>
      <xdr:colOff>8700</xdr:colOff>
      <xdr:row>97</xdr:row>
      <xdr:rowOff>0</xdr:rowOff>
    </xdr:to>
    <xdr:sp macro="" textlink="">
      <xdr:nvSpPr>
        <xdr:cNvPr id="46" name="円/楕円 26">
          <a:extLst>
            <a:ext uri="{FF2B5EF4-FFF2-40B4-BE49-F238E27FC236}">
              <a16:creationId xmlns:a16="http://schemas.microsoft.com/office/drawing/2014/main" id="{C9B63531-7543-4805-9051-8EC56E385C6D}"/>
            </a:ext>
          </a:extLst>
        </xdr:cNvPr>
        <xdr:cNvSpPr/>
      </xdr:nvSpPr>
      <xdr:spPr bwMode="auto">
        <a:xfrm>
          <a:off x="0" y="36852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97</xdr:row>
      <xdr:rowOff>276225</xdr:rowOff>
    </xdr:from>
    <xdr:to>
      <xdr:col>0</xdr:col>
      <xdr:colOff>8700</xdr:colOff>
      <xdr:row>98</xdr:row>
      <xdr:rowOff>0</xdr:rowOff>
    </xdr:to>
    <xdr:sp macro="" textlink="">
      <xdr:nvSpPr>
        <xdr:cNvPr id="47" name="円/楕円 26">
          <a:extLst>
            <a:ext uri="{FF2B5EF4-FFF2-40B4-BE49-F238E27FC236}">
              <a16:creationId xmlns:a16="http://schemas.microsoft.com/office/drawing/2014/main" id="{B2B5E450-525F-4916-A349-05EF4D484E7E}"/>
            </a:ext>
          </a:extLst>
        </xdr:cNvPr>
        <xdr:cNvSpPr/>
      </xdr:nvSpPr>
      <xdr:spPr bwMode="auto">
        <a:xfrm>
          <a:off x="0" y="37233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98</xdr:row>
      <xdr:rowOff>276225</xdr:rowOff>
    </xdr:from>
    <xdr:to>
      <xdr:col>0</xdr:col>
      <xdr:colOff>8700</xdr:colOff>
      <xdr:row>99</xdr:row>
      <xdr:rowOff>0</xdr:rowOff>
    </xdr:to>
    <xdr:sp macro="" textlink="">
      <xdr:nvSpPr>
        <xdr:cNvPr id="48" name="円/楕円 26">
          <a:extLst>
            <a:ext uri="{FF2B5EF4-FFF2-40B4-BE49-F238E27FC236}">
              <a16:creationId xmlns:a16="http://schemas.microsoft.com/office/drawing/2014/main" id="{7AC994A5-32C9-4B90-A682-2A7409E973A0}"/>
            </a:ext>
          </a:extLst>
        </xdr:cNvPr>
        <xdr:cNvSpPr/>
      </xdr:nvSpPr>
      <xdr:spPr bwMode="auto">
        <a:xfrm>
          <a:off x="0" y="37614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99</xdr:row>
      <xdr:rowOff>276225</xdr:rowOff>
    </xdr:from>
    <xdr:to>
      <xdr:col>0</xdr:col>
      <xdr:colOff>8700</xdr:colOff>
      <xdr:row>100</xdr:row>
      <xdr:rowOff>0</xdr:rowOff>
    </xdr:to>
    <xdr:sp macro="" textlink="">
      <xdr:nvSpPr>
        <xdr:cNvPr id="49" name="円/楕円 26">
          <a:extLst>
            <a:ext uri="{FF2B5EF4-FFF2-40B4-BE49-F238E27FC236}">
              <a16:creationId xmlns:a16="http://schemas.microsoft.com/office/drawing/2014/main" id="{12BC8889-DC71-4D6D-8BB7-219043127A52}"/>
            </a:ext>
          </a:extLst>
        </xdr:cNvPr>
        <xdr:cNvSpPr/>
      </xdr:nvSpPr>
      <xdr:spPr bwMode="auto">
        <a:xfrm>
          <a:off x="0" y="37995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4</xdr:row>
      <xdr:rowOff>276225</xdr:rowOff>
    </xdr:from>
    <xdr:to>
      <xdr:col>0</xdr:col>
      <xdr:colOff>8700</xdr:colOff>
      <xdr:row>35</xdr:row>
      <xdr:rowOff>0</xdr:rowOff>
    </xdr:to>
    <xdr:sp macro="" textlink="">
      <xdr:nvSpPr>
        <xdr:cNvPr id="50" name="円/楕円 26">
          <a:extLst>
            <a:ext uri="{FF2B5EF4-FFF2-40B4-BE49-F238E27FC236}">
              <a16:creationId xmlns:a16="http://schemas.microsoft.com/office/drawing/2014/main" id="{4B5CF777-47E4-49B0-847D-54EDBC3B1FE9}"/>
            </a:ext>
          </a:extLst>
        </xdr:cNvPr>
        <xdr:cNvSpPr/>
      </xdr:nvSpPr>
      <xdr:spPr bwMode="auto">
        <a:xfrm>
          <a:off x="0" y="13230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00</xdr:row>
      <xdr:rowOff>276225</xdr:rowOff>
    </xdr:from>
    <xdr:to>
      <xdr:col>0</xdr:col>
      <xdr:colOff>8700</xdr:colOff>
      <xdr:row>101</xdr:row>
      <xdr:rowOff>0</xdr:rowOff>
    </xdr:to>
    <xdr:sp macro="" textlink="">
      <xdr:nvSpPr>
        <xdr:cNvPr id="51" name="円/楕円 26">
          <a:extLst>
            <a:ext uri="{FF2B5EF4-FFF2-40B4-BE49-F238E27FC236}">
              <a16:creationId xmlns:a16="http://schemas.microsoft.com/office/drawing/2014/main" id="{CE1CC6FA-DD7B-4D7B-9353-14E925BD180A}"/>
            </a:ext>
          </a:extLst>
        </xdr:cNvPr>
        <xdr:cNvSpPr/>
      </xdr:nvSpPr>
      <xdr:spPr bwMode="auto">
        <a:xfrm>
          <a:off x="0" y="38376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7</xdr:row>
      <xdr:rowOff>276225</xdr:rowOff>
    </xdr:from>
    <xdr:to>
      <xdr:col>0</xdr:col>
      <xdr:colOff>8700</xdr:colOff>
      <xdr:row>38</xdr:row>
      <xdr:rowOff>0</xdr:rowOff>
    </xdr:to>
    <xdr:sp macro="" textlink="">
      <xdr:nvSpPr>
        <xdr:cNvPr id="52" name="円/楕円 26">
          <a:extLst>
            <a:ext uri="{FF2B5EF4-FFF2-40B4-BE49-F238E27FC236}">
              <a16:creationId xmlns:a16="http://schemas.microsoft.com/office/drawing/2014/main" id="{DB917EAC-D304-4759-A472-65A985CFE304}"/>
            </a:ext>
          </a:extLst>
        </xdr:cNvPr>
        <xdr:cNvSpPr/>
      </xdr:nvSpPr>
      <xdr:spPr bwMode="auto">
        <a:xfrm>
          <a:off x="0" y="14373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8</xdr:row>
      <xdr:rowOff>276225</xdr:rowOff>
    </xdr:from>
    <xdr:to>
      <xdr:col>0</xdr:col>
      <xdr:colOff>8700</xdr:colOff>
      <xdr:row>39</xdr:row>
      <xdr:rowOff>0</xdr:rowOff>
    </xdr:to>
    <xdr:sp macro="" textlink="">
      <xdr:nvSpPr>
        <xdr:cNvPr id="53" name="円/楕円 26">
          <a:extLst>
            <a:ext uri="{FF2B5EF4-FFF2-40B4-BE49-F238E27FC236}">
              <a16:creationId xmlns:a16="http://schemas.microsoft.com/office/drawing/2014/main" id="{99E1D89C-2837-49E1-B4E5-679966192A15}"/>
            </a:ext>
          </a:extLst>
        </xdr:cNvPr>
        <xdr:cNvSpPr/>
      </xdr:nvSpPr>
      <xdr:spPr bwMode="auto">
        <a:xfrm>
          <a:off x="0" y="14754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0</xdr:row>
      <xdr:rowOff>276225</xdr:rowOff>
    </xdr:from>
    <xdr:to>
      <xdr:col>0</xdr:col>
      <xdr:colOff>8700</xdr:colOff>
      <xdr:row>41</xdr:row>
      <xdr:rowOff>0</xdr:rowOff>
    </xdr:to>
    <xdr:sp macro="" textlink="">
      <xdr:nvSpPr>
        <xdr:cNvPr id="54" name="円/楕円 26">
          <a:extLst>
            <a:ext uri="{FF2B5EF4-FFF2-40B4-BE49-F238E27FC236}">
              <a16:creationId xmlns:a16="http://schemas.microsoft.com/office/drawing/2014/main" id="{FFD05D8C-D4FC-42D3-92D1-BCE9A7C03E71}"/>
            </a:ext>
          </a:extLst>
        </xdr:cNvPr>
        <xdr:cNvSpPr/>
      </xdr:nvSpPr>
      <xdr:spPr bwMode="auto">
        <a:xfrm>
          <a:off x="0" y="15516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5</xdr:row>
      <xdr:rowOff>276225</xdr:rowOff>
    </xdr:from>
    <xdr:to>
      <xdr:col>0</xdr:col>
      <xdr:colOff>8700</xdr:colOff>
      <xdr:row>46</xdr:row>
      <xdr:rowOff>0</xdr:rowOff>
    </xdr:to>
    <xdr:sp macro="" textlink="">
      <xdr:nvSpPr>
        <xdr:cNvPr id="55" name="円/楕円 26">
          <a:extLst>
            <a:ext uri="{FF2B5EF4-FFF2-40B4-BE49-F238E27FC236}">
              <a16:creationId xmlns:a16="http://schemas.microsoft.com/office/drawing/2014/main" id="{D166ADF5-E3B0-42CD-A4CB-C0C45C63DBA2}"/>
            </a:ext>
          </a:extLst>
        </xdr:cNvPr>
        <xdr:cNvSpPr/>
      </xdr:nvSpPr>
      <xdr:spPr bwMode="auto">
        <a:xfrm>
          <a:off x="0" y="17421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63</xdr:row>
      <xdr:rowOff>276225</xdr:rowOff>
    </xdr:from>
    <xdr:to>
      <xdr:col>0</xdr:col>
      <xdr:colOff>8700</xdr:colOff>
      <xdr:row>164</xdr:row>
      <xdr:rowOff>0</xdr:rowOff>
    </xdr:to>
    <xdr:sp macro="" textlink="">
      <xdr:nvSpPr>
        <xdr:cNvPr id="56" name="円/楕円 26">
          <a:extLst>
            <a:ext uri="{FF2B5EF4-FFF2-40B4-BE49-F238E27FC236}">
              <a16:creationId xmlns:a16="http://schemas.microsoft.com/office/drawing/2014/main" id="{467B3613-89A4-44FB-A857-3F49D0F808A7}"/>
            </a:ext>
          </a:extLst>
        </xdr:cNvPr>
        <xdr:cNvSpPr/>
      </xdr:nvSpPr>
      <xdr:spPr bwMode="auto">
        <a:xfrm>
          <a:off x="0" y="62379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61</xdr:row>
      <xdr:rowOff>276225</xdr:rowOff>
    </xdr:from>
    <xdr:to>
      <xdr:col>0</xdr:col>
      <xdr:colOff>8700</xdr:colOff>
      <xdr:row>162</xdr:row>
      <xdr:rowOff>0</xdr:rowOff>
    </xdr:to>
    <xdr:sp macro="" textlink="">
      <xdr:nvSpPr>
        <xdr:cNvPr id="57" name="円/楕円 26">
          <a:extLst>
            <a:ext uri="{FF2B5EF4-FFF2-40B4-BE49-F238E27FC236}">
              <a16:creationId xmlns:a16="http://schemas.microsoft.com/office/drawing/2014/main" id="{382C91EC-70BF-4F08-AA6F-9C251F7A6EC5}"/>
            </a:ext>
          </a:extLst>
        </xdr:cNvPr>
        <xdr:cNvSpPr/>
      </xdr:nvSpPr>
      <xdr:spPr bwMode="auto">
        <a:xfrm>
          <a:off x="0" y="61617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62</xdr:row>
      <xdr:rowOff>276225</xdr:rowOff>
    </xdr:from>
    <xdr:to>
      <xdr:col>0</xdr:col>
      <xdr:colOff>8700</xdr:colOff>
      <xdr:row>163</xdr:row>
      <xdr:rowOff>0</xdr:rowOff>
    </xdr:to>
    <xdr:sp macro="" textlink="">
      <xdr:nvSpPr>
        <xdr:cNvPr id="58" name="円/楕円 26">
          <a:extLst>
            <a:ext uri="{FF2B5EF4-FFF2-40B4-BE49-F238E27FC236}">
              <a16:creationId xmlns:a16="http://schemas.microsoft.com/office/drawing/2014/main" id="{0BDBDE67-8E90-4DE4-833A-014042B1E681}"/>
            </a:ext>
          </a:extLst>
        </xdr:cNvPr>
        <xdr:cNvSpPr/>
      </xdr:nvSpPr>
      <xdr:spPr bwMode="auto">
        <a:xfrm>
          <a:off x="0" y="61998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86</xdr:row>
      <xdr:rowOff>276225</xdr:rowOff>
    </xdr:from>
    <xdr:to>
      <xdr:col>0</xdr:col>
      <xdr:colOff>8700</xdr:colOff>
      <xdr:row>87</xdr:row>
      <xdr:rowOff>0</xdr:rowOff>
    </xdr:to>
    <xdr:sp macro="" textlink="">
      <xdr:nvSpPr>
        <xdr:cNvPr id="59" name="円/楕円 26">
          <a:extLst>
            <a:ext uri="{FF2B5EF4-FFF2-40B4-BE49-F238E27FC236}">
              <a16:creationId xmlns:a16="http://schemas.microsoft.com/office/drawing/2014/main" id="{74D73991-10B5-4687-9CCF-43090F58F3F3}"/>
            </a:ext>
          </a:extLst>
        </xdr:cNvPr>
        <xdr:cNvSpPr/>
      </xdr:nvSpPr>
      <xdr:spPr bwMode="auto">
        <a:xfrm>
          <a:off x="0" y="33042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87</xdr:row>
      <xdr:rowOff>276225</xdr:rowOff>
    </xdr:from>
    <xdr:to>
      <xdr:col>0</xdr:col>
      <xdr:colOff>8700</xdr:colOff>
      <xdr:row>88</xdr:row>
      <xdr:rowOff>0</xdr:rowOff>
    </xdr:to>
    <xdr:sp macro="" textlink="">
      <xdr:nvSpPr>
        <xdr:cNvPr id="60" name="円/楕円 26">
          <a:extLst>
            <a:ext uri="{FF2B5EF4-FFF2-40B4-BE49-F238E27FC236}">
              <a16:creationId xmlns:a16="http://schemas.microsoft.com/office/drawing/2014/main" id="{511381AE-6918-4600-8E7B-158D394FCC70}"/>
            </a:ext>
          </a:extLst>
        </xdr:cNvPr>
        <xdr:cNvSpPr/>
      </xdr:nvSpPr>
      <xdr:spPr bwMode="auto">
        <a:xfrm>
          <a:off x="0" y="33423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40</xdr:row>
      <xdr:rowOff>276225</xdr:rowOff>
    </xdr:from>
    <xdr:to>
      <xdr:col>0</xdr:col>
      <xdr:colOff>8700</xdr:colOff>
      <xdr:row>141</xdr:row>
      <xdr:rowOff>0</xdr:rowOff>
    </xdr:to>
    <xdr:sp macro="" textlink="">
      <xdr:nvSpPr>
        <xdr:cNvPr id="61" name="円/楕円 26">
          <a:extLst>
            <a:ext uri="{FF2B5EF4-FFF2-40B4-BE49-F238E27FC236}">
              <a16:creationId xmlns:a16="http://schemas.microsoft.com/office/drawing/2014/main" id="{8DAF55C7-7829-4867-A27C-CC154B7185A8}"/>
            </a:ext>
          </a:extLst>
        </xdr:cNvPr>
        <xdr:cNvSpPr/>
      </xdr:nvSpPr>
      <xdr:spPr bwMode="auto">
        <a:xfrm>
          <a:off x="0" y="53616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41</xdr:row>
      <xdr:rowOff>276225</xdr:rowOff>
    </xdr:from>
    <xdr:to>
      <xdr:col>0</xdr:col>
      <xdr:colOff>8700</xdr:colOff>
      <xdr:row>142</xdr:row>
      <xdr:rowOff>0</xdr:rowOff>
    </xdr:to>
    <xdr:sp macro="" textlink="">
      <xdr:nvSpPr>
        <xdr:cNvPr id="62" name="円/楕円 26">
          <a:extLst>
            <a:ext uri="{FF2B5EF4-FFF2-40B4-BE49-F238E27FC236}">
              <a16:creationId xmlns:a16="http://schemas.microsoft.com/office/drawing/2014/main" id="{E4CAA859-1D48-40CB-B520-97542CAAEB6E}"/>
            </a:ext>
          </a:extLst>
        </xdr:cNvPr>
        <xdr:cNvSpPr/>
      </xdr:nvSpPr>
      <xdr:spPr bwMode="auto">
        <a:xfrm>
          <a:off x="0" y="53997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42</xdr:row>
      <xdr:rowOff>276225</xdr:rowOff>
    </xdr:from>
    <xdr:to>
      <xdr:col>0</xdr:col>
      <xdr:colOff>8700</xdr:colOff>
      <xdr:row>143</xdr:row>
      <xdr:rowOff>0</xdr:rowOff>
    </xdr:to>
    <xdr:sp macro="" textlink="">
      <xdr:nvSpPr>
        <xdr:cNvPr id="63" name="円/楕円 26">
          <a:extLst>
            <a:ext uri="{FF2B5EF4-FFF2-40B4-BE49-F238E27FC236}">
              <a16:creationId xmlns:a16="http://schemas.microsoft.com/office/drawing/2014/main" id="{123189F4-B54A-4CDC-946D-A78592329F36}"/>
            </a:ext>
          </a:extLst>
        </xdr:cNvPr>
        <xdr:cNvSpPr/>
      </xdr:nvSpPr>
      <xdr:spPr bwMode="auto">
        <a:xfrm>
          <a:off x="0" y="54378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4</xdr:row>
      <xdr:rowOff>276225</xdr:rowOff>
    </xdr:from>
    <xdr:to>
      <xdr:col>0</xdr:col>
      <xdr:colOff>8700</xdr:colOff>
      <xdr:row>35</xdr:row>
      <xdr:rowOff>0</xdr:rowOff>
    </xdr:to>
    <xdr:sp macro="" textlink="">
      <xdr:nvSpPr>
        <xdr:cNvPr id="64" name="円/楕円 26">
          <a:extLst>
            <a:ext uri="{FF2B5EF4-FFF2-40B4-BE49-F238E27FC236}">
              <a16:creationId xmlns:a16="http://schemas.microsoft.com/office/drawing/2014/main" id="{027573D7-AADF-4ADC-9C07-EC22723732DD}"/>
            </a:ext>
          </a:extLst>
        </xdr:cNvPr>
        <xdr:cNvSpPr/>
      </xdr:nvSpPr>
      <xdr:spPr bwMode="auto">
        <a:xfrm>
          <a:off x="0" y="13230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5</xdr:row>
      <xdr:rowOff>276225</xdr:rowOff>
    </xdr:from>
    <xdr:to>
      <xdr:col>0</xdr:col>
      <xdr:colOff>8700</xdr:colOff>
      <xdr:row>36</xdr:row>
      <xdr:rowOff>0</xdr:rowOff>
    </xdr:to>
    <xdr:sp macro="" textlink="">
      <xdr:nvSpPr>
        <xdr:cNvPr id="65" name="円/楕円 26">
          <a:extLst>
            <a:ext uri="{FF2B5EF4-FFF2-40B4-BE49-F238E27FC236}">
              <a16:creationId xmlns:a16="http://schemas.microsoft.com/office/drawing/2014/main" id="{A34022A4-9910-4D57-9955-C5351C785FFA}"/>
            </a:ext>
          </a:extLst>
        </xdr:cNvPr>
        <xdr:cNvSpPr/>
      </xdr:nvSpPr>
      <xdr:spPr bwMode="auto">
        <a:xfrm>
          <a:off x="0" y="13611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6</xdr:row>
      <xdr:rowOff>276225</xdr:rowOff>
    </xdr:from>
    <xdr:to>
      <xdr:col>0</xdr:col>
      <xdr:colOff>8700</xdr:colOff>
      <xdr:row>37</xdr:row>
      <xdr:rowOff>0</xdr:rowOff>
    </xdr:to>
    <xdr:sp macro="" textlink="">
      <xdr:nvSpPr>
        <xdr:cNvPr id="66" name="円/楕円 26">
          <a:extLst>
            <a:ext uri="{FF2B5EF4-FFF2-40B4-BE49-F238E27FC236}">
              <a16:creationId xmlns:a16="http://schemas.microsoft.com/office/drawing/2014/main" id="{390367D0-129E-4438-9F44-F2850889C1EB}"/>
            </a:ext>
          </a:extLst>
        </xdr:cNvPr>
        <xdr:cNvSpPr/>
      </xdr:nvSpPr>
      <xdr:spPr bwMode="auto">
        <a:xfrm>
          <a:off x="0" y="13992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7</xdr:row>
      <xdr:rowOff>276225</xdr:rowOff>
    </xdr:from>
    <xdr:to>
      <xdr:col>0</xdr:col>
      <xdr:colOff>8700</xdr:colOff>
      <xdr:row>38</xdr:row>
      <xdr:rowOff>0</xdr:rowOff>
    </xdr:to>
    <xdr:sp macro="" textlink="">
      <xdr:nvSpPr>
        <xdr:cNvPr id="67" name="円/楕円 26">
          <a:extLst>
            <a:ext uri="{FF2B5EF4-FFF2-40B4-BE49-F238E27FC236}">
              <a16:creationId xmlns:a16="http://schemas.microsoft.com/office/drawing/2014/main" id="{38C5C1F0-A261-4F74-9492-E2123EF027CE}"/>
            </a:ext>
          </a:extLst>
        </xdr:cNvPr>
        <xdr:cNvSpPr/>
      </xdr:nvSpPr>
      <xdr:spPr bwMode="auto">
        <a:xfrm>
          <a:off x="0" y="14373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8</xdr:row>
      <xdr:rowOff>276225</xdr:rowOff>
    </xdr:from>
    <xdr:to>
      <xdr:col>0</xdr:col>
      <xdr:colOff>8700</xdr:colOff>
      <xdr:row>39</xdr:row>
      <xdr:rowOff>0</xdr:rowOff>
    </xdr:to>
    <xdr:sp macro="" textlink="">
      <xdr:nvSpPr>
        <xdr:cNvPr id="68" name="円/楕円 26">
          <a:extLst>
            <a:ext uri="{FF2B5EF4-FFF2-40B4-BE49-F238E27FC236}">
              <a16:creationId xmlns:a16="http://schemas.microsoft.com/office/drawing/2014/main" id="{C462ABAD-4649-4301-A75D-F273EAAEEF9E}"/>
            </a:ext>
          </a:extLst>
        </xdr:cNvPr>
        <xdr:cNvSpPr/>
      </xdr:nvSpPr>
      <xdr:spPr bwMode="auto">
        <a:xfrm>
          <a:off x="0" y="14754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39</xdr:row>
      <xdr:rowOff>276225</xdr:rowOff>
    </xdr:from>
    <xdr:to>
      <xdr:col>0</xdr:col>
      <xdr:colOff>8700</xdr:colOff>
      <xdr:row>40</xdr:row>
      <xdr:rowOff>0</xdr:rowOff>
    </xdr:to>
    <xdr:sp macro="" textlink="">
      <xdr:nvSpPr>
        <xdr:cNvPr id="69" name="円/楕円 26">
          <a:extLst>
            <a:ext uri="{FF2B5EF4-FFF2-40B4-BE49-F238E27FC236}">
              <a16:creationId xmlns:a16="http://schemas.microsoft.com/office/drawing/2014/main" id="{0EAC7B5A-E160-4F12-B176-4BCD35CCD1B5}"/>
            </a:ext>
          </a:extLst>
        </xdr:cNvPr>
        <xdr:cNvSpPr/>
      </xdr:nvSpPr>
      <xdr:spPr bwMode="auto">
        <a:xfrm>
          <a:off x="0" y="15135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0</xdr:row>
      <xdr:rowOff>276225</xdr:rowOff>
    </xdr:from>
    <xdr:to>
      <xdr:col>0</xdr:col>
      <xdr:colOff>8700</xdr:colOff>
      <xdr:row>41</xdr:row>
      <xdr:rowOff>0</xdr:rowOff>
    </xdr:to>
    <xdr:sp macro="" textlink="">
      <xdr:nvSpPr>
        <xdr:cNvPr id="70" name="円/楕円 26">
          <a:extLst>
            <a:ext uri="{FF2B5EF4-FFF2-40B4-BE49-F238E27FC236}">
              <a16:creationId xmlns:a16="http://schemas.microsoft.com/office/drawing/2014/main" id="{E82223B1-D6DD-40B5-87D8-BDA7D875B3AA}"/>
            </a:ext>
          </a:extLst>
        </xdr:cNvPr>
        <xdr:cNvSpPr/>
      </xdr:nvSpPr>
      <xdr:spPr bwMode="auto">
        <a:xfrm>
          <a:off x="0" y="15516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1</xdr:row>
      <xdr:rowOff>276225</xdr:rowOff>
    </xdr:from>
    <xdr:to>
      <xdr:col>0</xdr:col>
      <xdr:colOff>8700</xdr:colOff>
      <xdr:row>42</xdr:row>
      <xdr:rowOff>0</xdr:rowOff>
    </xdr:to>
    <xdr:sp macro="" textlink="">
      <xdr:nvSpPr>
        <xdr:cNvPr id="71" name="円/楕円 26">
          <a:extLst>
            <a:ext uri="{FF2B5EF4-FFF2-40B4-BE49-F238E27FC236}">
              <a16:creationId xmlns:a16="http://schemas.microsoft.com/office/drawing/2014/main" id="{C700E5F9-1F6F-4FE8-9839-7D34D645FF30}"/>
            </a:ext>
          </a:extLst>
        </xdr:cNvPr>
        <xdr:cNvSpPr/>
      </xdr:nvSpPr>
      <xdr:spPr bwMode="auto">
        <a:xfrm>
          <a:off x="0" y="15897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3</xdr:row>
      <xdr:rowOff>276225</xdr:rowOff>
    </xdr:from>
    <xdr:to>
      <xdr:col>0</xdr:col>
      <xdr:colOff>8700</xdr:colOff>
      <xdr:row>44</xdr:row>
      <xdr:rowOff>0</xdr:rowOff>
    </xdr:to>
    <xdr:sp macro="" textlink="">
      <xdr:nvSpPr>
        <xdr:cNvPr id="72" name="円/楕円 26">
          <a:extLst>
            <a:ext uri="{FF2B5EF4-FFF2-40B4-BE49-F238E27FC236}">
              <a16:creationId xmlns:a16="http://schemas.microsoft.com/office/drawing/2014/main" id="{6264AD90-31B6-4D8B-BE21-11E607E2AEE7}"/>
            </a:ext>
          </a:extLst>
        </xdr:cNvPr>
        <xdr:cNvSpPr/>
      </xdr:nvSpPr>
      <xdr:spPr bwMode="auto">
        <a:xfrm>
          <a:off x="0" y="16659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02</xdr:row>
      <xdr:rowOff>276225</xdr:rowOff>
    </xdr:from>
    <xdr:to>
      <xdr:col>0</xdr:col>
      <xdr:colOff>8700</xdr:colOff>
      <xdr:row>103</xdr:row>
      <xdr:rowOff>0</xdr:rowOff>
    </xdr:to>
    <xdr:sp macro="" textlink="">
      <xdr:nvSpPr>
        <xdr:cNvPr id="73" name="円/楕円 26">
          <a:extLst>
            <a:ext uri="{FF2B5EF4-FFF2-40B4-BE49-F238E27FC236}">
              <a16:creationId xmlns:a16="http://schemas.microsoft.com/office/drawing/2014/main" id="{C8D18E56-F165-415B-9E83-332C8C892D9A}"/>
            </a:ext>
          </a:extLst>
        </xdr:cNvPr>
        <xdr:cNvSpPr/>
      </xdr:nvSpPr>
      <xdr:spPr bwMode="auto">
        <a:xfrm>
          <a:off x="0" y="39138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103</xdr:row>
      <xdr:rowOff>276225</xdr:rowOff>
    </xdr:from>
    <xdr:to>
      <xdr:col>0</xdr:col>
      <xdr:colOff>8700</xdr:colOff>
      <xdr:row>104</xdr:row>
      <xdr:rowOff>0</xdr:rowOff>
    </xdr:to>
    <xdr:sp macro="" textlink="">
      <xdr:nvSpPr>
        <xdr:cNvPr id="74" name="円/楕円 26">
          <a:extLst>
            <a:ext uri="{FF2B5EF4-FFF2-40B4-BE49-F238E27FC236}">
              <a16:creationId xmlns:a16="http://schemas.microsoft.com/office/drawing/2014/main" id="{C01643DF-0A51-41B9-A07C-B41DE23ADB0F}"/>
            </a:ext>
          </a:extLst>
        </xdr:cNvPr>
        <xdr:cNvSpPr/>
      </xdr:nvSpPr>
      <xdr:spPr bwMode="auto">
        <a:xfrm>
          <a:off x="0" y="39519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50</xdr:row>
      <xdr:rowOff>276225</xdr:rowOff>
    </xdr:from>
    <xdr:to>
      <xdr:col>0</xdr:col>
      <xdr:colOff>8700</xdr:colOff>
      <xdr:row>51</xdr:row>
      <xdr:rowOff>0</xdr:rowOff>
    </xdr:to>
    <xdr:sp macro="" textlink="">
      <xdr:nvSpPr>
        <xdr:cNvPr id="75" name="円/楕円 26">
          <a:extLst>
            <a:ext uri="{FF2B5EF4-FFF2-40B4-BE49-F238E27FC236}">
              <a16:creationId xmlns:a16="http://schemas.microsoft.com/office/drawing/2014/main" id="{5FE960E7-E642-439A-B94A-0AA02A74BEA5}"/>
            </a:ext>
          </a:extLst>
        </xdr:cNvPr>
        <xdr:cNvSpPr/>
      </xdr:nvSpPr>
      <xdr:spPr bwMode="auto">
        <a:xfrm>
          <a:off x="0" y="19326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58</xdr:row>
      <xdr:rowOff>276225</xdr:rowOff>
    </xdr:from>
    <xdr:to>
      <xdr:col>0</xdr:col>
      <xdr:colOff>8700</xdr:colOff>
      <xdr:row>59</xdr:row>
      <xdr:rowOff>0</xdr:rowOff>
    </xdr:to>
    <xdr:sp macro="" textlink="">
      <xdr:nvSpPr>
        <xdr:cNvPr id="76" name="円/楕円 26">
          <a:extLst>
            <a:ext uri="{FF2B5EF4-FFF2-40B4-BE49-F238E27FC236}">
              <a16:creationId xmlns:a16="http://schemas.microsoft.com/office/drawing/2014/main" id="{28C79F20-64B3-4B61-9276-9F9759FAE7E8}"/>
            </a:ext>
          </a:extLst>
        </xdr:cNvPr>
        <xdr:cNvSpPr/>
      </xdr:nvSpPr>
      <xdr:spPr bwMode="auto">
        <a:xfrm>
          <a:off x="0" y="22374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59</xdr:row>
      <xdr:rowOff>276225</xdr:rowOff>
    </xdr:from>
    <xdr:to>
      <xdr:col>0</xdr:col>
      <xdr:colOff>8700</xdr:colOff>
      <xdr:row>60</xdr:row>
      <xdr:rowOff>0</xdr:rowOff>
    </xdr:to>
    <xdr:sp macro="" textlink="">
      <xdr:nvSpPr>
        <xdr:cNvPr id="77" name="円/楕円 26">
          <a:extLst>
            <a:ext uri="{FF2B5EF4-FFF2-40B4-BE49-F238E27FC236}">
              <a16:creationId xmlns:a16="http://schemas.microsoft.com/office/drawing/2014/main" id="{80C6D7B7-4406-4A73-A43D-0792215E24FA}"/>
            </a:ext>
          </a:extLst>
        </xdr:cNvPr>
        <xdr:cNvSpPr/>
      </xdr:nvSpPr>
      <xdr:spPr bwMode="auto">
        <a:xfrm>
          <a:off x="0" y="22755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60</xdr:row>
      <xdr:rowOff>276225</xdr:rowOff>
    </xdr:from>
    <xdr:to>
      <xdr:col>0</xdr:col>
      <xdr:colOff>8700</xdr:colOff>
      <xdr:row>61</xdr:row>
      <xdr:rowOff>0</xdr:rowOff>
    </xdr:to>
    <xdr:sp macro="" textlink="">
      <xdr:nvSpPr>
        <xdr:cNvPr id="78" name="円/楕円 26">
          <a:extLst>
            <a:ext uri="{FF2B5EF4-FFF2-40B4-BE49-F238E27FC236}">
              <a16:creationId xmlns:a16="http://schemas.microsoft.com/office/drawing/2014/main" id="{90CEDBE3-ACA8-4033-A428-AF707F22D25B}"/>
            </a:ext>
          </a:extLst>
        </xdr:cNvPr>
        <xdr:cNvSpPr/>
      </xdr:nvSpPr>
      <xdr:spPr bwMode="auto">
        <a:xfrm>
          <a:off x="0" y="23136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61</xdr:row>
      <xdr:rowOff>276225</xdr:rowOff>
    </xdr:from>
    <xdr:to>
      <xdr:col>0</xdr:col>
      <xdr:colOff>8700</xdr:colOff>
      <xdr:row>62</xdr:row>
      <xdr:rowOff>0</xdr:rowOff>
    </xdr:to>
    <xdr:sp macro="" textlink="">
      <xdr:nvSpPr>
        <xdr:cNvPr id="79" name="円/楕円 26">
          <a:extLst>
            <a:ext uri="{FF2B5EF4-FFF2-40B4-BE49-F238E27FC236}">
              <a16:creationId xmlns:a16="http://schemas.microsoft.com/office/drawing/2014/main" id="{61D92352-86BD-4DA0-B699-4F84ECFB56E9}"/>
            </a:ext>
          </a:extLst>
        </xdr:cNvPr>
        <xdr:cNvSpPr/>
      </xdr:nvSpPr>
      <xdr:spPr bwMode="auto">
        <a:xfrm>
          <a:off x="0" y="23517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62</xdr:row>
      <xdr:rowOff>276225</xdr:rowOff>
    </xdr:from>
    <xdr:to>
      <xdr:col>0</xdr:col>
      <xdr:colOff>8700</xdr:colOff>
      <xdr:row>63</xdr:row>
      <xdr:rowOff>0</xdr:rowOff>
    </xdr:to>
    <xdr:sp macro="" textlink="">
      <xdr:nvSpPr>
        <xdr:cNvPr id="80" name="円/楕円 26">
          <a:extLst>
            <a:ext uri="{FF2B5EF4-FFF2-40B4-BE49-F238E27FC236}">
              <a16:creationId xmlns:a16="http://schemas.microsoft.com/office/drawing/2014/main" id="{E7EEED63-A477-41EC-8198-0376493E4D91}"/>
            </a:ext>
          </a:extLst>
        </xdr:cNvPr>
        <xdr:cNvSpPr/>
      </xdr:nvSpPr>
      <xdr:spPr bwMode="auto">
        <a:xfrm>
          <a:off x="0" y="23898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6</xdr:row>
      <xdr:rowOff>276225</xdr:rowOff>
    </xdr:from>
    <xdr:to>
      <xdr:col>0</xdr:col>
      <xdr:colOff>8700</xdr:colOff>
      <xdr:row>7</xdr:row>
      <xdr:rowOff>0</xdr:rowOff>
    </xdr:to>
    <xdr:sp macro="" textlink="">
      <xdr:nvSpPr>
        <xdr:cNvPr id="81" name="円/楕円 26">
          <a:extLst>
            <a:ext uri="{FF2B5EF4-FFF2-40B4-BE49-F238E27FC236}">
              <a16:creationId xmlns:a16="http://schemas.microsoft.com/office/drawing/2014/main" id="{46514904-77EE-45D0-AEAB-FD1CD88CD1C9}"/>
            </a:ext>
          </a:extLst>
        </xdr:cNvPr>
        <xdr:cNvSpPr/>
      </xdr:nvSpPr>
      <xdr:spPr bwMode="auto">
        <a:xfrm>
          <a:off x="0" y="2562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7</xdr:row>
      <xdr:rowOff>276225</xdr:rowOff>
    </xdr:from>
    <xdr:to>
      <xdr:col>0</xdr:col>
      <xdr:colOff>8700</xdr:colOff>
      <xdr:row>8</xdr:row>
      <xdr:rowOff>0</xdr:rowOff>
    </xdr:to>
    <xdr:sp macro="" textlink="">
      <xdr:nvSpPr>
        <xdr:cNvPr id="82" name="円/楕円 26">
          <a:extLst>
            <a:ext uri="{FF2B5EF4-FFF2-40B4-BE49-F238E27FC236}">
              <a16:creationId xmlns:a16="http://schemas.microsoft.com/office/drawing/2014/main" id="{B6C369FF-486C-42F7-8B47-C5B4CAE05C8E}"/>
            </a:ext>
          </a:extLst>
        </xdr:cNvPr>
        <xdr:cNvSpPr/>
      </xdr:nvSpPr>
      <xdr:spPr bwMode="auto">
        <a:xfrm>
          <a:off x="0" y="2943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8</xdr:row>
      <xdr:rowOff>276225</xdr:rowOff>
    </xdr:from>
    <xdr:to>
      <xdr:col>0</xdr:col>
      <xdr:colOff>8700</xdr:colOff>
      <xdr:row>9</xdr:row>
      <xdr:rowOff>0</xdr:rowOff>
    </xdr:to>
    <xdr:sp macro="" textlink="">
      <xdr:nvSpPr>
        <xdr:cNvPr id="83" name="円/楕円 26">
          <a:extLst>
            <a:ext uri="{FF2B5EF4-FFF2-40B4-BE49-F238E27FC236}">
              <a16:creationId xmlns:a16="http://schemas.microsoft.com/office/drawing/2014/main" id="{03A98F04-260B-4639-8DFE-5F5CD949457B}"/>
            </a:ext>
          </a:extLst>
        </xdr:cNvPr>
        <xdr:cNvSpPr/>
      </xdr:nvSpPr>
      <xdr:spPr bwMode="auto">
        <a:xfrm>
          <a:off x="0" y="3324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2</xdr:row>
      <xdr:rowOff>276225</xdr:rowOff>
    </xdr:from>
    <xdr:to>
      <xdr:col>0</xdr:col>
      <xdr:colOff>8700</xdr:colOff>
      <xdr:row>43</xdr:row>
      <xdr:rowOff>0</xdr:rowOff>
    </xdr:to>
    <xdr:sp macro="" textlink="">
      <xdr:nvSpPr>
        <xdr:cNvPr id="84" name="円/楕円 26">
          <a:extLst>
            <a:ext uri="{FF2B5EF4-FFF2-40B4-BE49-F238E27FC236}">
              <a16:creationId xmlns:a16="http://schemas.microsoft.com/office/drawing/2014/main" id="{44EDC810-87ED-45D0-AF3E-FD502415E27B}"/>
            </a:ext>
          </a:extLst>
        </xdr:cNvPr>
        <xdr:cNvSpPr/>
      </xdr:nvSpPr>
      <xdr:spPr bwMode="auto">
        <a:xfrm>
          <a:off x="0" y="16278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4</xdr:row>
      <xdr:rowOff>276225</xdr:rowOff>
    </xdr:from>
    <xdr:to>
      <xdr:col>0</xdr:col>
      <xdr:colOff>8700</xdr:colOff>
      <xdr:row>45</xdr:row>
      <xdr:rowOff>0</xdr:rowOff>
    </xdr:to>
    <xdr:sp macro="" textlink="">
      <xdr:nvSpPr>
        <xdr:cNvPr id="85" name="円/楕円 26">
          <a:extLst>
            <a:ext uri="{FF2B5EF4-FFF2-40B4-BE49-F238E27FC236}">
              <a16:creationId xmlns:a16="http://schemas.microsoft.com/office/drawing/2014/main" id="{FA9BC7F0-F80B-4001-AC4E-75F26C18CAE5}"/>
            </a:ext>
          </a:extLst>
        </xdr:cNvPr>
        <xdr:cNvSpPr/>
      </xdr:nvSpPr>
      <xdr:spPr bwMode="auto">
        <a:xfrm>
          <a:off x="0" y="17040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5</xdr:row>
      <xdr:rowOff>276225</xdr:rowOff>
    </xdr:from>
    <xdr:to>
      <xdr:col>0</xdr:col>
      <xdr:colOff>8700</xdr:colOff>
      <xdr:row>46</xdr:row>
      <xdr:rowOff>0</xdr:rowOff>
    </xdr:to>
    <xdr:sp macro="" textlink="">
      <xdr:nvSpPr>
        <xdr:cNvPr id="86" name="円/楕円 26">
          <a:extLst>
            <a:ext uri="{FF2B5EF4-FFF2-40B4-BE49-F238E27FC236}">
              <a16:creationId xmlns:a16="http://schemas.microsoft.com/office/drawing/2014/main" id="{74309633-B722-49A1-8EF5-F97E279D3DFE}"/>
            </a:ext>
          </a:extLst>
        </xdr:cNvPr>
        <xdr:cNvSpPr/>
      </xdr:nvSpPr>
      <xdr:spPr bwMode="auto">
        <a:xfrm>
          <a:off x="0" y="17421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6</xdr:row>
      <xdr:rowOff>276225</xdr:rowOff>
    </xdr:from>
    <xdr:to>
      <xdr:col>0</xdr:col>
      <xdr:colOff>8700</xdr:colOff>
      <xdr:row>47</xdr:row>
      <xdr:rowOff>0</xdr:rowOff>
    </xdr:to>
    <xdr:sp macro="" textlink="">
      <xdr:nvSpPr>
        <xdr:cNvPr id="87" name="円/楕円 26">
          <a:extLst>
            <a:ext uri="{FF2B5EF4-FFF2-40B4-BE49-F238E27FC236}">
              <a16:creationId xmlns:a16="http://schemas.microsoft.com/office/drawing/2014/main" id="{796462C1-F571-4B39-8A87-F9847232D7BA}"/>
            </a:ext>
          </a:extLst>
        </xdr:cNvPr>
        <xdr:cNvSpPr/>
      </xdr:nvSpPr>
      <xdr:spPr bwMode="auto">
        <a:xfrm>
          <a:off x="0" y="17802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7</xdr:row>
      <xdr:rowOff>276225</xdr:rowOff>
    </xdr:from>
    <xdr:to>
      <xdr:col>0</xdr:col>
      <xdr:colOff>8700</xdr:colOff>
      <xdr:row>48</xdr:row>
      <xdr:rowOff>0</xdr:rowOff>
    </xdr:to>
    <xdr:sp macro="" textlink="">
      <xdr:nvSpPr>
        <xdr:cNvPr id="88" name="円/楕円 26">
          <a:extLst>
            <a:ext uri="{FF2B5EF4-FFF2-40B4-BE49-F238E27FC236}">
              <a16:creationId xmlns:a16="http://schemas.microsoft.com/office/drawing/2014/main" id="{F2CDB5B9-AF28-440E-BD2E-9F498EB8F7B9}"/>
            </a:ext>
          </a:extLst>
        </xdr:cNvPr>
        <xdr:cNvSpPr/>
      </xdr:nvSpPr>
      <xdr:spPr bwMode="auto">
        <a:xfrm>
          <a:off x="0" y="18183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0</xdr:colOff>
      <xdr:row>48</xdr:row>
      <xdr:rowOff>276225</xdr:rowOff>
    </xdr:from>
    <xdr:to>
      <xdr:col>0</xdr:col>
      <xdr:colOff>8700</xdr:colOff>
      <xdr:row>49</xdr:row>
      <xdr:rowOff>0</xdr:rowOff>
    </xdr:to>
    <xdr:sp macro="" textlink="">
      <xdr:nvSpPr>
        <xdr:cNvPr id="89" name="円/楕円 26">
          <a:extLst>
            <a:ext uri="{FF2B5EF4-FFF2-40B4-BE49-F238E27FC236}">
              <a16:creationId xmlns:a16="http://schemas.microsoft.com/office/drawing/2014/main" id="{5CA61954-B482-46A4-A146-84BFA7693DB4}"/>
            </a:ext>
          </a:extLst>
        </xdr:cNvPr>
        <xdr:cNvSpPr/>
      </xdr:nvSpPr>
      <xdr:spPr bwMode="auto">
        <a:xfrm>
          <a:off x="0" y="18564225"/>
          <a:ext cx="8700" cy="104775"/>
        </a:xfrm>
        <a:prstGeom prst="ellipse">
          <a:avLst/>
        </a:prstGeom>
        <a:noFill/>
        <a:ln w="6350"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26"/>
  <sheetViews>
    <sheetView workbookViewId="0">
      <selection sqref="A1:H1"/>
    </sheetView>
  </sheetViews>
  <sheetFormatPr defaultColWidth="9" defaultRowHeight="30" customHeight="1" x14ac:dyDescent="0.2"/>
  <cols>
    <col min="1" max="1" width="16.6640625" style="13" customWidth="1"/>
    <col min="2" max="2" width="2.77734375" style="18" customWidth="1"/>
    <col min="3" max="3" width="29.77734375" style="22" customWidth="1"/>
    <col min="4" max="4" width="19.21875" style="46" customWidth="1"/>
    <col min="5" max="5" width="17.6640625" style="22" customWidth="1"/>
    <col min="6" max="6" width="17.21875" style="18" customWidth="1"/>
    <col min="7" max="7" width="6.77734375" style="17" bestFit="1" customWidth="1"/>
    <col min="8" max="8" width="12" style="25" bestFit="1" customWidth="1"/>
    <col min="9" max="16384" width="9" style="13"/>
  </cols>
  <sheetData>
    <row r="1" spans="1:8" s="21" customFormat="1" ht="30" customHeight="1" x14ac:dyDescent="0.2">
      <c r="A1" s="136" t="s">
        <v>354</v>
      </c>
      <c r="B1" s="136"/>
      <c r="C1" s="136"/>
      <c r="D1" s="136"/>
      <c r="E1" s="136"/>
      <c r="F1" s="136"/>
      <c r="G1" s="136"/>
      <c r="H1" s="136"/>
    </row>
    <row r="2" spans="1:8" ht="30" customHeight="1" x14ac:dyDescent="0.2">
      <c r="A2" s="1" t="s">
        <v>0</v>
      </c>
      <c r="B2" s="55"/>
      <c r="C2" s="56" t="s">
        <v>1</v>
      </c>
      <c r="D2" s="3" t="s">
        <v>2</v>
      </c>
      <c r="E2" s="3" t="s">
        <v>3</v>
      </c>
      <c r="F2" s="3" t="s">
        <v>4</v>
      </c>
      <c r="G2" s="2" t="s">
        <v>5</v>
      </c>
      <c r="H2" s="23" t="s">
        <v>34</v>
      </c>
    </row>
    <row r="3" spans="1:8" ht="30" customHeight="1" x14ac:dyDescent="0.2">
      <c r="A3" s="12" t="s">
        <v>43</v>
      </c>
      <c r="B3" s="55"/>
      <c r="C3" s="33" t="s">
        <v>179</v>
      </c>
      <c r="D3" s="20" t="s">
        <v>153</v>
      </c>
      <c r="E3" s="20" t="s">
        <v>79</v>
      </c>
      <c r="F3" s="6" t="s">
        <v>258</v>
      </c>
      <c r="G3" s="14" t="s">
        <v>32</v>
      </c>
      <c r="H3" s="24">
        <v>207</v>
      </c>
    </row>
    <row r="4" spans="1:8" ht="30" customHeight="1" x14ac:dyDescent="0.2">
      <c r="A4" s="12" t="s">
        <v>43</v>
      </c>
      <c r="B4" s="55"/>
      <c r="C4" s="33" t="s">
        <v>179</v>
      </c>
      <c r="D4" s="20" t="s">
        <v>153</v>
      </c>
      <c r="E4" s="20" t="s">
        <v>79</v>
      </c>
      <c r="F4" s="6" t="s">
        <v>242</v>
      </c>
      <c r="G4" s="14" t="s">
        <v>32</v>
      </c>
      <c r="H4" s="24">
        <v>307</v>
      </c>
    </row>
    <row r="5" spans="1:8" ht="30" customHeight="1" x14ac:dyDescent="0.2">
      <c r="A5" s="12" t="s">
        <v>43</v>
      </c>
      <c r="B5" s="55"/>
      <c r="C5" s="33" t="s">
        <v>149</v>
      </c>
      <c r="D5" s="20" t="s">
        <v>245</v>
      </c>
      <c r="E5" s="20" t="s">
        <v>259</v>
      </c>
      <c r="F5" s="32" t="s">
        <v>102</v>
      </c>
      <c r="G5" s="14" t="s">
        <v>33</v>
      </c>
      <c r="H5" s="24">
        <v>98</v>
      </c>
    </row>
    <row r="6" spans="1:8" ht="30" customHeight="1" x14ac:dyDescent="0.2">
      <c r="A6" s="12" t="s">
        <v>43</v>
      </c>
      <c r="B6" s="55"/>
      <c r="C6" s="33" t="s">
        <v>149</v>
      </c>
      <c r="D6" s="20" t="s">
        <v>245</v>
      </c>
      <c r="E6" s="20" t="s">
        <v>259</v>
      </c>
      <c r="F6" s="6" t="s">
        <v>243</v>
      </c>
      <c r="G6" s="14" t="s">
        <v>33</v>
      </c>
      <c r="H6" s="24">
        <v>434</v>
      </c>
    </row>
    <row r="7" spans="1:8" ht="30" customHeight="1" x14ac:dyDescent="0.2">
      <c r="A7" s="12" t="s">
        <v>43</v>
      </c>
      <c r="B7" s="55"/>
      <c r="C7" s="33" t="s">
        <v>239</v>
      </c>
      <c r="D7" s="20" t="s">
        <v>39</v>
      </c>
      <c r="E7" s="20" t="s">
        <v>260</v>
      </c>
      <c r="F7" s="6" t="s">
        <v>261</v>
      </c>
      <c r="G7" s="14" t="s">
        <v>32</v>
      </c>
      <c r="H7" s="24">
        <v>101</v>
      </c>
    </row>
    <row r="8" spans="1:8" ht="30" customHeight="1" x14ac:dyDescent="0.2">
      <c r="A8" s="12" t="s">
        <v>43</v>
      </c>
      <c r="B8" s="55"/>
      <c r="C8" s="4" t="s">
        <v>355</v>
      </c>
      <c r="D8" s="20" t="s">
        <v>262</v>
      </c>
      <c r="E8" s="20" t="s">
        <v>263</v>
      </c>
      <c r="F8" s="16" t="s">
        <v>264</v>
      </c>
      <c r="G8" s="14" t="s">
        <v>7</v>
      </c>
      <c r="H8" s="24">
        <v>10.6</v>
      </c>
    </row>
    <row r="9" spans="1:8" ht="30" customHeight="1" x14ac:dyDescent="0.2">
      <c r="A9" s="12" t="s">
        <v>43</v>
      </c>
      <c r="B9" s="55"/>
      <c r="C9" s="57" t="s">
        <v>213</v>
      </c>
      <c r="D9" s="20" t="s">
        <v>229</v>
      </c>
      <c r="E9" s="20" t="s">
        <v>342</v>
      </c>
      <c r="F9" s="5" t="s">
        <v>220</v>
      </c>
      <c r="G9" s="53" t="s">
        <v>32</v>
      </c>
      <c r="H9" s="24">
        <v>234</v>
      </c>
    </row>
    <row r="10" spans="1:8" ht="30" customHeight="1" x14ac:dyDescent="0.2">
      <c r="A10" s="12" t="s">
        <v>43</v>
      </c>
      <c r="B10" s="55"/>
      <c r="C10" s="57" t="s">
        <v>171</v>
      </c>
      <c r="D10" s="20" t="s">
        <v>170</v>
      </c>
      <c r="E10" s="20" t="s">
        <v>199</v>
      </c>
      <c r="F10" s="4"/>
      <c r="G10" s="2" t="s">
        <v>31</v>
      </c>
      <c r="H10" s="24">
        <v>9995</v>
      </c>
    </row>
    <row r="11" spans="1:8" ht="30" customHeight="1" x14ac:dyDescent="0.2">
      <c r="A11" s="12" t="s">
        <v>43</v>
      </c>
      <c r="B11" s="55"/>
      <c r="C11" s="57" t="s">
        <v>62</v>
      </c>
      <c r="D11" s="20" t="s">
        <v>170</v>
      </c>
      <c r="E11" s="20" t="s">
        <v>278</v>
      </c>
      <c r="F11" s="4"/>
      <c r="G11" s="2" t="s">
        <v>31</v>
      </c>
      <c r="H11" s="24">
        <v>5284</v>
      </c>
    </row>
    <row r="12" spans="1:8" ht="30" customHeight="1" x14ac:dyDescent="0.2">
      <c r="A12" s="12" t="s">
        <v>43</v>
      </c>
      <c r="B12" s="55"/>
      <c r="C12" s="57" t="s">
        <v>249</v>
      </c>
      <c r="D12" s="20" t="s">
        <v>356</v>
      </c>
      <c r="E12" s="20" t="s">
        <v>357</v>
      </c>
      <c r="F12" s="4" t="s">
        <v>98</v>
      </c>
      <c r="G12" s="2" t="s">
        <v>33</v>
      </c>
      <c r="H12" s="24">
        <v>1438</v>
      </c>
    </row>
    <row r="13" spans="1:8" ht="30" customHeight="1" x14ac:dyDescent="0.2">
      <c r="A13" s="12" t="s">
        <v>43</v>
      </c>
      <c r="B13" s="55"/>
      <c r="C13" s="57" t="s">
        <v>112</v>
      </c>
      <c r="D13" s="20" t="s">
        <v>110</v>
      </c>
      <c r="E13" s="20" t="s">
        <v>188</v>
      </c>
      <c r="F13" s="4" t="s">
        <v>337</v>
      </c>
      <c r="G13" s="2" t="s">
        <v>70</v>
      </c>
      <c r="H13" s="24">
        <v>553</v>
      </c>
    </row>
    <row r="14" spans="1:8" ht="30" customHeight="1" x14ac:dyDescent="0.2">
      <c r="A14" s="12" t="s">
        <v>43</v>
      </c>
      <c r="B14" s="55"/>
      <c r="C14" s="57" t="s">
        <v>160</v>
      </c>
      <c r="D14" s="20" t="s">
        <v>110</v>
      </c>
      <c r="E14" s="20" t="s">
        <v>188</v>
      </c>
      <c r="F14" s="4" t="s">
        <v>268</v>
      </c>
      <c r="G14" s="2" t="s">
        <v>70</v>
      </c>
      <c r="H14" s="24">
        <v>374</v>
      </c>
    </row>
    <row r="15" spans="1:8" ht="30" customHeight="1" x14ac:dyDescent="0.2">
      <c r="A15" s="12" t="s">
        <v>43</v>
      </c>
      <c r="B15" s="55"/>
      <c r="C15" s="57" t="s">
        <v>114</v>
      </c>
      <c r="D15" s="20" t="s">
        <v>110</v>
      </c>
      <c r="E15" s="20" t="s">
        <v>188</v>
      </c>
      <c r="F15" s="4" t="s">
        <v>254</v>
      </c>
      <c r="G15" s="2" t="s">
        <v>70</v>
      </c>
      <c r="H15" s="24">
        <v>87</v>
      </c>
    </row>
    <row r="16" spans="1:8" ht="30" customHeight="1" x14ac:dyDescent="0.2">
      <c r="A16" s="12" t="s">
        <v>43</v>
      </c>
      <c r="B16" s="55"/>
      <c r="C16" s="57" t="s">
        <v>226</v>
      </c>
      <c r="D16" s="20" t="s">
        <v>123</v>
      </c>
      <c r="E16" s="20" t="s">
        <v>269</v>
      </c>
      <c r="F16" s="4" t="s">
        <v>338</v>
      </c>
      <c r="G16" s="2" t="s">
        <v>32</v>
      </c>
      <c r="H16" s="24">
        <v>455</v>
      </c>
    </row>
    <row r="17" spans="1:8" ht="30" customHeight="1" x14ac:dyDescent="0.2">
      <c r="A17" s="12" t="s">
        <v>43</v>
      </c>
      <c r="B17" s="55"/>
      <c r="C17" s="57" t="s">
        <v>189</v>
      </c>
      <c r="D17" s="20" t="s">
        <v>123</v>
      </c>
      <c r="E17" s="20" t="s">
        <v>42</v>
      </c>
      <c r="F17" s="4" t="s">
        <v>336</v>
      </c>
      <c r="G17" s="2" t="s">
        <v>33</v>
      </c>
      <c r="H17" s="24">
        <v>796</v>
      </c>
    </row>
    <row r="18" spans="1:8" ht="30" customHeight="1" x14ac:dyDescent="0.2">
      <c r="A18" s="12" t="s">
        <v>43</v>
      </c>
      <c r="B18" s="55"/>
      <c r="C18" s="57" t="s">
        <v>117</v>
      </c>
      <c r="D18" s="20" t="s">
        <v>123</v>
      </c>
      <c r="E18" s="20" t="s">
        <v>42</v>
      </c>
      <c r="F18" s="4" t="s">
        <v>336</v>
      </c>
      <c r="G18" s="2" t="s">
        <v>33</v>
      </c>
      <c r="H18" s="24">
        <v>796</v>
      </c>
    </row>
    <row r="19" spans="1:8" ht="30" customHeight="1" x14ac:dyDescent="0.2">
      <c r="A19" s="12" t="s">
        <v>43</v>
      </c>
      <c r="B19" s="55" t="s">
        <v>95</v>
      </c>
      <c r="C19" s="51" t="s">
        <v>358</v>
      </c>
      <c r="D19" s="20" t="s">
        <v>359</v>
      </c>
      <c r="E19" s="20" t="s">
        <v>42</v>
      </c>
      <c r="F19" s="5"/>
      <c r="G19" s="53" t="s">
        <v>33</v>
      </c>
      <c r="H19" s="24">
        <v>388.8</v>
      </c>
    </row>
    <row r="20" spans="1:8" ht="30" customHeight="1" x14ac:dyDescent="0.2">
      <c r="A20" s="12" t="s">
        <v>43</v>
      </c>
      <c r="B20" s="55"/>
      <c r="C20" s="51" t="s">
        <v>88</v>
      </c>
      <c r="D20" s="20" t="s">
        <v>282</v>
      </c>
      <c r="E20" s="20" t="s">
        <v>97</v>
      </c>
      <c r="F20" s="5"/>
      <c r="G20" s="53" t="s">
        <v>31</v>
      </c>
      <c r="H20" s="24">
        <v>1342.44</v>
      </c>
    </row>
    <row r="21" spans="1:8" ht="30" customHeight="1" x14ac:dyDescent="0.2">
      <c r="A21" s="12" t="s">
        <v>43</v>
      </c>
      <c r="B21" s="55" t="s">
        <v>95</v>
      </c>
      <c r="C21" s="51" t="s">
        <v>360</v>
      </c>
      <c r="D21" s="20" t="s">
        <v>123</v>
      </c>
      <c r="E21" s="20" t="s">
        <v>42</v>
      </c>
      <c r="F21" s="5"/>
      <c r="G21" s="53" t="s">
        <v>31</v>
      </c>
      <c r="H21" s="24">
        <v>637</v>
      </c>
    </row>
    <row r="22" spans="1:8" ht="30" customHeight="1" x14ac:dyDescent="0.2">
      <c r="A22" s="12" t="s">
        <v>43</v>
      </c>
      <c r="B22" s="55" t="s">
        <v>95</v>
      </c>
      <c r="C22" s="51" t="s">
        <v>361</v>
      </c>
      <c r="D22" s="20" t="s">
        <v>96</v>
      </c>
      <c r="E22" s="20" t="s">
        <v>42</v>
      </c>
      <c r="F22" s="5" t="s">
        <v>98</v>
      </c>
      <c r="G22" s="53" t="s">
        <v>33</v>
      </c>
      <c r="H22" s="24">
        <v>356.4</v>
      </c>
    </row>
    <row r="23" spans="1:8" ht="30" customHeight="1" x14ac:dyDescent="0.2">
      <c r="A23" s="16" t="s">
        <v>43</v>
      </c>
      <c r="B23" s="55"/>
      <c r="C23" s="51" t="s">
        <v>362</v>
      </c>
      <c r="D23" s="20" t="s">
        <v>322</v>
      </c>
      <c r="E23" s="20" t="s">
        <v>323</v>
      </c>
      <c r="F23" s="5" t="s">
        <v>102</v>
      </c>
      <c r="G23" s="53" t="s">
        <v>31</v>
      </c>
      <c r="H23" s="24">
        <v>972</v>
      </c>
    </row>
    <row r="24" spans="1:8" ht="30" customHeight="1" x14ac:dyDescent="0.2">
      <c r="A24" s="16" t="s">
        <v>43</v>
      </c>
      <c r="B24" s="55"/>
      <c r="C24" s="51" t="s">
        <v>363</v>
      </c>
      <c r="D24" s="20" t="s">
        <v>265</v>
      </c>
      <c r="E24" s="20" t="s">
        <v>364</v>
      </c>
      <c r="F24" s="5"/>
      <c r="G24" s="53" t="s">
        <v>31</v>
      </c>
      <c r="H24" s="24">
        <v>1879.2</v>
      </c>
    </row>
    <row r="25" spans="1:8" ht="30" customHeight="1" x14ac:dyDescent="0.2">
      <c r="A25" s="16" t="s">
        <v>43</v>
      </c>
      <c r="B25" s="14"/>
      <c r="C25" s="51" t="s">
        <v>365</v>
      </c>
      <c r="D25" s="20" t="s">
        <v>265</v>
      </c>
      <c r="E25" s="20" t="s">
        <v>284</v>
      </c>
      <c r="F25" s="5" t="s">
        <v>100</v>
      </c>
      <c r="G25" s="53" t="s">
        <v>72</v>
      </c>
      <c r="H25" s="24">
        <v>57.24</v>
      </c>
    </row>
    <row r="26" spans="1:8" ht="30" customHeight="1" x14ac:dyDescent="0.2">
      <c r="A26" s="16" t="s">
        <v>43</v>
      </c>
      <c r="B26" s="55"/>
      <c r="C26" s="51" t="s">
        <v>365</v>
      </c>
      <c r="D26" s="20" t="s">
        <v>265</v>
      </c>
      <c r="E26" s="20" t="s">
        <v>284</v>
      </c>
      <c r="F26" s="5" t="s">
        <v>101</v>
      </c>
      <c r="G26" s="53" t="s">
        <v>72</v>
      </c>
      <c r="H26" s="24">
        <v>76.680000000000007</v>
      </c>
    </row>
    <row r="27" spans="1:8" ht="30" customHeight="1" x14ac:dyDescent="0.2">
      <c r="A27" s="16" t="s">
        <v>43</v>
      </c>
      <c r="B27" s="55" t="s">
        <v>95</v>
      </c>
      <c r="C27" s="51" t="s">
        <v>283</v>
      </c>
      <c r="D27" s="20" t="s">
        <v>265</v>
      </c>
      <c r="E27" s="20" t="s">
        <v>284</v>
      </c>
      <c r="F27" s="5" t="s">
        <v>100</v>
      </c>
      <c r="G27" s="53" t="s">
        <v>72</v>
      </c>
      <c r="H27" s="24">
        <v>57.24</v>
      </c>
    </row>
    <row r="28" spans="1:8" ht="30" customHeight="1" x14ac:dyDescent="0.2">
      <c r="A28" s="16" t="s">
        <v>43</v>
      </c>
      <c r="B28" s="55" t="s">
        <v>95</v>
      </c>
      <c r="C28" s="51" t="s">
        <v>283</v>
      </c>
      <c r="D28" s="20" t="s">
        <v>265</v>
      </c>
      <c r="E28" s="20" t="s">
        <v>284</v>
      </c>
      <c r="F28" s="5" t="s">
        <v>101</v>
      </c>
      <c r="G28" s="53" t="s">
        <v>72</v>
      </c>
      <c r="H28" s="24">
        <v>76.680000000000007</v>
      </c>
    </row>
    <row r="29" spans="1:8" ht="30" customHeight="1" x14ac:dyDescent="0.2">
      <c r="A29" s="12" t="s">
        <v>43</v>
      </c>
      <c r="B29" s="55"/>
      <c r="C29" s="51" t="s">
        <v>324</v>
      </c>
      <c r="D29" s="20" t="s">
        <v>366</v>
      </c>
      <c r="E29" s="20" t="s">
        <v>183</v>
      </c>
      <c r="F29" s="12" t="s">
        <v>367</v>
      </c>
      <c r="G29" s="53" t="s">
        <v>31</v>
      </c>
      <c r="H29" s="24">
        <v>1609.2</v>
      </c>
    </row>
    <row r="30" spans="1:8" ht="30" customHeight="1" x14ac:dyDescent="0.2">
      <c r="A30" s="12" t="s">
        <v>43</v>
      </c>
      <c r="B30" s="55"/>
      <c r="C30" s="51" t="s">
        <v>324</v>
      </c>
      <c r="D30" s="20" t="s">
        <v>366</v>
      </c>
      <c r="E30" s="20" t="s">
        <v>183</v>
      </c>
      <c r="F30" s="12" t="s">
        <v>351</v>
      </c>
      <c r="G30" s="53" t="s">
        <v>31</v>
      </c>
      <c r="H30" s="24">
        <v>1609.2</v>
      </c>
    </row>
    <row r="31" spans="1:8" ht="30" customHeight="1" x14ac:dyDescent="0.2">
      <c r="A31" s="12" t="s">
        <v>43</v>
      </c>
      <c r="B31" s="55"/>
      <c r="C31" s="51" t="s">
        <v>311</v>
      </c>
      <c r="D31" s="20" t="s">
        <v>368</v>
      </c>
      <c r="E31" s="20" t="s">
        <v>111</v>
      </c>
      <c r="F31" s="5"/>
      <c r="G31" s="53" t="s">
        <v>31</v>
      </c>
      <c r="H31" s="24">
        <v>2228.04</v>
      </c>
    </row>
    <row r="32" spans="1:8" ht="30" customHeight="1" x14ac:dyDescent="0.2">
      <c r="A32" s="12" t="s">
        <v>43</v>
      </c>
      <c r="B32" s="55" t="s">
        <v>95</v>
      </c>
      <c r="C32" s="51" t="s">
        <v>312</v>
      </c>
      <c r="D32" s="20" t="s">
        <v>255</v>
      </c>
      <c r="E32" s="20" t="s">
        <v>184</v>
      </c>
      <c r="F32" s="12"/>
      <c r="G32" s="53" t="s">
        <v>31</v>
      </c>
      <c r="H32" s="24">
        <v>1404</v>
      </c>
    </row>
    <row r="33" spans="1:8" ht="30" customHeight="1" x14ac:dyDescent="0.2">
      <c r="A33" s="12" t="s">
        <v>43</v>
      </c>
      <c r="B33" s="14"/>
      <c r="C33" s="51" t="s">
        <v>286</v>
      </c>
      <c r="D33" s="20" t="s">
        <v>123</v>
      </c>
      <c r="E33" s="20" t="s">
        <v>36</v>
      </c>
      <c r="F33" s="12" t="s">
        <v>102</v>
      </c>
      <c r="G33" s="53" t="s">
        <v>31</v>
      </c>
      <c r="H33" s="24">
        <v>626.4</v>
      </c>
    </row>
    <row r="34" spans="1:8" ht="30" customHeight="1" x14ac:dyDescent="0.2">
      <c r="A34" s="12" t="s">
        <v>43</v>
      </c>
      <c r="B34" s="14"/>
      <c r="C34" s="51" t="s">
        <v>369</v>
      </c>
      <c r="D34" s="20" t="s">
        <v>370</v>
      </c>
      <c r="E34" s="20" t="s">
        <v>371</v>
      </c>
      <c r="F34" s="12" t="s">
        <v>372</v>
      </c>
      <c r="G34" s="53" t="s">
        <v>71</v>
      </c>
      <c r="H34" s="24">
        <v>35.64</v>
      </c>
    </row>
    <row r="35" spans="1:8" ht="30" customHeight="1" x14ac:dyDescent="0.2">
      <c r="A35" s="16" t="s">
        <v>43</v>
      </c>
      <c r="B35" s="14"/>
      <c r="C35" s="51" t="s">
        <v>373</v>
      </c>
      <c r="D35" s="20" t="s">
        <v>374</v>
      </c>
      <c r="E35" s="20" t="s">
        <v>113</v>
      </c>
      <c r="F35" s="12" t="s">
        <v>8</v>
      </c>
      <c r="G35" s="53" t="s">
        <v>31</v>
      </c>
      <c r="H35" s="24">
        <v>475.2</v>
      </c>
    </row>
    <row r="36" spans="1:8" ht="30" customHeight="1" x14ac:dyDescent="0.2">
      <c r="A36" s="16" t="s">
        <v>43</v>
      </c>
      <c r="B36" s="14"/>
      <c r="C36" s="51" t="s">
        <v>287</v>
      </c>
      <c r="D36" s="20" t="s">
        <v>288</v>
      </c>
      <c r="E36" s="20" t="s">
        <v>42</v>
      </c>
      <c r="F36" s="12"/>
      <c r="G36" s="53" t="s">
        <v>31</v>
      </c>
      <c r="H36" s="24">
        <v>1112.4000000000001</v>
      </c>
    </row>
    <row r="37" spans="1:8" ht="30" customHeight="1" x14ac:dyDescent="0.2">
      <c r="A37" s="12" t="s">
        <v>43</v>
      </c>
      <c r="B37" s="55" t="s">
        <v>95</v>
      </c>
      <c r="C37" s="51" t="s">
        <v>315</v>
      </c>
      <c r="D37" s="20" t="s">
        <v>174</v>
      </c>
      <c r="E37" s="20" t="s">
        <v>185</v>
      </c>
      <c r="F37" s="12" t="s">
        <v>99</v>
      </c>
      <c r="G37" s="53" t="s">
        <v>71</v>
      </c>
      <c r="H37" s="24">
        <v>41.04</v>
      </c>
    </row>
    <row r="38" spans="1:8" ht="30" customHeight="1" x14ac:dyDescent="0.2">
      <c r="A38" s="16" t="s">
        <v>43</v>
      </c>
      <c r="B38" s="14"/>
      <c r="C38" s="51" t="s">
        <v>375</v>
      </c>
      <c r="D38" s="20" t="s">
        <v>289</v>
      </c>
      <c r="E38" s="20" t="s">
        <v>376</v>
      </c>
      <c r="F38" s="5" t="s">
        <v>104</v>
      </c>
      <c r="G38" s="53" t="s">
        <v>33</v>
      </c>
      <c r="H38" s="24">
        <v>712.8</v>
      </c>
    </row>
    <row r="39" spans="1:8" ht="30" customHeight="1" x14ac:dyDescent="0.2">
      <c r="A39" s="16" t="s">
        <v>43</v>
      </c>
      <c r="B39" s="14"/>
      <c r="C39" s="51" t="s">
        <v>377</v>
      </c>
      <c r="D39" s="20" t="s">
        <v>289</v>
      </c>
      <c r="E39" s="20" t="s">
        <v>378</v>
      </c>
      <c r="F39" s="12" t="s">
        <v>105</v>
      </c>
      <c r="G39" s="53" t="s">
        <v>33</v>
      </c>
      <c r="H39" s="24">
        <v>831.6</v>
      </c>
    </row>
    <row r="40" spans="1:8" ht="30" customHeight="1" x14ac:dyDescent="0.2">
      <c r="A40" s="16" t="s">
        <v>43</v>
      </c>
      <c r="B40" s="55"/>
      <c r="C40" s="51" t="s">
        <v>379</v>
      </c>
      <c r="D40" s="20" t="s">
        <v>289</v>
      </c>
      <c r="E40" s="20" t="s">
        <v>380</v>
      </c>
      <c r="F40" s="12" t="s">
        <v>290</v>
      </c>
      <c r="G40" s="53" t="s">
        <v>33</v>
      </c>
      <c r="H40" s="24">
        <v>594</v>
      </c>
    </row>
    <row r="41" spans="1:8" ht="30" customHeight="1" x14ac:dyDescent="0.2">
      <c r="A41" s="16" t="s">
        <v>43</v>
      </c>
      <c r="B41" s="14"/>
      <c r="C41" s="51" t="s">
        <v>379</v>
      </c>
      <c r="D41" s="20" t="s">
        <v>289</v>
      </c>
      <c r="E41" s="20" t="s">
        <v>380</v>
      </c>
      <c r="F41" s="12" t="s">
        <v>104</v>
      </c>
      <c r="G41" s="53" t="s">
        <v>33</v>
      </c>
      <c r="H41" s="24">
        <v>604.79999999999995</v>
      </c>
    </row>
    <row r="42" spans="1:8" ht="30" customHeight="1" x14ac:dyDescent="0.2">
      <c r="A42" s="16" t="s">
        <v>43</v>
      </c>
      <c r="B42" s="14"/>
      <c r="C42" s="51" t="s">
        <v>381</v>
      </c>
      <c r="D42" s="20" t="s">
        <v>382</v>
      </c>
      <c r="E42" s="20" t="s">
        <v>190</v>
      </c>
      <c r="F42" s="12" t="s">
        <v>106</v>
      </c>
      <c r="G42" s="53" t="s">
        <v>71</v>
      </c>
      <c r="H42" s="24">
        <v>58.32</v>
      </c>
    </row>
    <row r="43" spans="1:8" ht="30" customHeight="1" x14ac:dyDescent="0.2">
      <c r="A43" s="16" t="s">
        <v>43</v>
      </c>
      <c r="B43" s="55"/>
      <c r="C43" s="51" t="s">
        <v>381</v>
      </c>
      <c r="D43" s="20" t="s">
        <v>359</v>
      </c>
      <c r="E43" s="20" t="s">
        <v>190</v>
      </c>
      <c r="F43" s="12" t="s">
        <v>100</v>
      </c>
      <c r="G43" s="53" t="s">
        <v>71</v>
      </c>
      <c r="H43" s="24">
        <v>69.12</v>
      </c>
    </row>
    <row r="44" spans="1:8" ht="30" customHeight="1" x14ac:dyDescent="0.2">
      <c r="A44" s="16" t="s">
        <v>43</v>
      </c>
      <c r="B44" s="14"/>
      <c r="C44" s="51" t="s">
        <v>383</v>
      </c>
      <c r="D44" s="20" t="s">
        <v>210</v>
      </c>
      <c r="E44" s="20" t="s">
        <v>74</v>
      </c>
      <c r="F44" s="12"/>
      <c r="G44" s="53" t="s">
        <v>31</v>
      </c>
      <c r="H44" s="24">
        <v>540</v>
      </c>
    </row>
    <row r="45" spans="1:8" ht="30" customHeight="1" x14ac:dyDescent="0.2">
      <c r="A45" s="16" t="s">
        <v>43</v>
      </c>
      <c r="B45" s="55"/>
      <c r="C45" s="51" t="s">
        <v>316</v>
      </c>
      <c r="D45" s="20" t="s">
        <v>246</v>
      </c>
      <c r="E45" s="20" t="s">
        <v>35</v>
      </c>
      <c r="F45" s="12" t="s">
        <v>339</v>
      </c>
      <c r="G45" s="53" t="s">
        <v>31</v>
      </c>
      <c r="H45" s="24">
        <v>864</v>
      </c>
    </row>
    <row r="46" spans="1:8" ht="30" customHeight="1" x14ac:dyDescent="0.2">
      <c r="A46" s="16" t="s">
        <v>43</v>
      </c>
      <c r="B46" s="55" t="s">
        <v>95</v>
      </c>
      <c r="C46" s="51" t="s">
        <v>313</v>
      </c>
      <c r="D46" s="20" t="s">
        <v>246</v>
      </c>
      <c r="E46" s="20" t="s">
        <v>186</v>
      </c>
      <c r="F46" s="12"/>
      <c r="G46" s="53" t="s">
        <v>31</v>
      </c>
      <c r="H46" s="24">
        <v>1188</v>
      </c>
    </row>
    <row r="47" spans="1:8" ht="30" customHeight="1" x14ac:dyDescent="0.2">
      <c r="A47" s="16" t="s">
        <v>43</v>
      </c>
      <c r="B47" s="55" t="s">
        <v>95</v>
      </c>
      <c r="C47" s="51" t="s">
        <v>344</v>
      </c>
      <c r="D47" s="20" t="s">
        <v>246</v>
      </c>
      <c r="E47" s="20" t="s">
        <v>384</v>
      </c>
      <c r="F47" s="12"/>
      <c r="G47" s="53" t="s">
        <v>31</v>
      </c>
      <c r="H47" s="24">
        <v>3164.4</v>
      </c>
    </row>
    <row r="48" spans="1:8" ht="30" customHeight="1" x14ac:dyDescent="0.2">
      <c r="A48" s="16" t="s">
        <v>43</v>
      </c>
      <c r="B48" s="55"/>
      <c r="C48" s="51" t="s">
        <v>385</v>
      </c>
      <c r="D48" s="20" t="s">
        <v>246</v>
      </c>
      <c r="E48" s="20" t="s">
        <v>35</v>
      </c>
      <c r="F48" s="12" t="s">
        <v>386</v>
      </c>
      <c r="G48" s="53" t="s">
        <v>31</v>
      </c>
      <c r="H48" s="24">
        <v>2484</v>
      </c>
    </row>
    <row r="49" spans="1:8" ht="30" customHeight="1" x14ac:dyDescent="0.2">
      <c r="A49" s="16" t="s">
        <v>43</v>
      </c>
      <c r="B49" s="55" t="s">
        <v>95</v>
      </c>
      <c r="C49" s="51" t="s">
        <v>387</v>
      </c>
      <c r="D49" s="20" t="s">
        <v>234</v>
      </c>
      <c r="E49" s="20" t="s">
        <v>277</v>
      </c>
      <c r="F49" s="12" t="s">
        <v>388</v>
      </c>
      <c r="G49" s="53" t="s">
        <v>71</v>
      </c>
      <c r="H49" s="24">
        <v>56.16</v>
      </c>
    </row>
    <row r="50" spans="1:8" ht="30" customHeight="1" x14ac:dyDescent="0.2">
      <c r="A50" s="54" t="s">
        <v>43</v>
      </c>
      <c r="B50" s="58"/>
      <c r="C50" s="59" t="s">
        <v>389</v>
      </c>
      <c r="D50" s="60" t="s">
        <v>390</v>
      </c>
      <c r="E50" s="60" t="s">
        <v>74</v>
      </c>
      <c r="F50" s="61" t="s">
        <v>391</v>
      </c>
      <c r="G50" s="62" t="s">
        <v>31</v>
      </c>
      <c r="H50" s="63">
        <v>1787.4</v>
      </c>
    </row>
    <row r="51" spans="1:8" ht="30" customHeight="1" x14ac:dyDescent="0.2">
      <c r="A51" s="16" t="s">
        <v>43</v>
      </c>
      <c r="B51" s="14"/>
      <c r="C51" s="51" t="s">
        <v>347</v>
      </c>
      <c r="D51" s="20" t="s">
        <v>266</v>
      </c>
      <c r="E51" s="20" t="s">
        <v>74</v>
      </c>
      <c r="F51" s="12"/>
      <c r="G51" s="53" t="s">
        <v>31</v>
      </c>
      <c r="H51" s="24">
        <v>2138.4</v>
      </c>
    </row>
    <row r="52" spans="1:8" ht="30" customHeight="1" x14ac:dyDescent="0.2">
      <c r="A52" s="16" t="s">
        <v>43</v>
      </c>
      <c r="B52" s="14"/>
      <c r="C52" s="51" t="s">
        <v>318</v>
      </c>
      <c r="D52" s="20" t="s">
        <v>276</v>
      </c>
      <c r="E52" s="20" t="s">
        <v>392</v>
      </c>
      <c r="F52" s="12" t="s">
        <v>230</v>
      </c>
      <c r="G52" s="53" t="s">
        <v>320</v>
      </c>
      <c r="H52" s="24">
        <v>126.88</v>
      </c>
    </row>
    <row r="53" spans="1:8" ht="30" customHeight="1" x14ac:dyDescent="0.2">
      <c r="A53" s="16" t="s">
        <v>43</v>
      </c>
      <c r="B53" s="14"/>
      <c r="C53" s="51" t="s">
        <v>393</v>
      </c>
      <c r="D53" s="20" t="s">
        <v>187</v>
      </c>
      <c r="E53" s="20" t="s">
        <v>394</v>
      </c>
      <c r="F53" s="12" t="s">
        <v>395</v>
      </c>
      <c r="G53" s="53" t="s">
        <v>33</v>
      </c>
      <c r="H53" s="24">
        <v>748.44</v>
      </c>
    </row>
    <row r="54" spans="1:8" ht="30" customHeight="1" x14ac:dyDescent="0.2">
      <c r="A54" s="16" t="s">
        <v>43</v>
      </c>
      <c r="B54" s="14"/>
      <c r="C54" s="51" t="s">
        <v>314</v>
      </c>
      <c r="D54" s="20" t="s">
        <v>396</v>
      </c>
      <c r="E54" s="20" t="s">
        <v>97</v>
      </c>
      <c r="F54" s="12"/>
      <c r="G54" s="53" t="s">
        <v>31</v>
      </c>
      <c r="H54" s="24">
        <v>934.2</v>
      </c>
    </row>
    <row r="55" spans="1:8" ht="30" customHeight="1" x14ac:dyDescent="0.2">
      <c r="A55" s="16" t="s">
        <v>43</v>
      </c>
      <c r="B55" s="55"/>
      <c r="C55" s="51" t="s">
        <v>252</v>
      </c>
      <c r="D55" s="20" t="s">
        <v>90</v>
      </c>
      <c r="E55" s="20" t="s">
        <v>91</v>
      </c>
      <c r="F55" s="12"/>
      <c r="G55" s="53" t="s">
        <v>31</v>
      </c>
      <c r="H55" s="24">
        <v>669.8</v>
      </c>
    </row>
    <row r="56" spans="1:8" ht="30" customHeight="1" x14ac:dyDescent="0.2">
      <c r="A56" s="16" t="s">
        <v>43</v>
      </c>
      <c r="B56" s="14"/>
      <c r="C56" s="51" t="s">
        <v>397</v>
      </c>
      <c r="D56" s="20" t="s">
        <v>321</v>
      </c>
      <c r="E56" s="20" t="s">
        <v>267</v>
      </c>
      <c r="F56" s="12" t="s">
        <v>8</v>
      </c>
      <c r="G56" s="53" t="s">
        <v>33</v>
      </c>
      <c r="H56" s="24">
        <v>540</v>
      </c>
    </row>
    <row r="57" spans="1:8" ht="30" customHeight="1" x14ac:dyDescent="0.2">
      <c r="A57" s="16" t="s">
        <v>43</v>
      </c>
      <c r="B57" s="14"/>
      <c r="C57" s="51" t="s">
        <v>397</v>
      </c>
      <c r="D57" s="20" t="s">
        <v>321</v>
      </c>
      <c r="E57" s="20" t="s">
        <v>267</v>
      </c>
      <c r="F57" s="12" t="s">
        <v>98</v>
      </c>
      <c r="G57" s="53" t="s">
        <v>33</v>
      </c>
      <c r="H57" s="24">
        <v>275.39999999999998</v>
      </c>
    </row>
    <row r="58" spans="1:8" ht="30" customHeight="1" x14ac:dyDescent="0.2">
      <c r="A58" s="16" t="s">
        <v>43</v>
      </c>
      <c r="B58" s="14"/>
      <c r="C58" s="51" t="s">
        <v>398</v>
      </c>
      <c r="D58" s="20" t="s">
        <v>399</v>
      </c>
      <c r="E58" s="20" t="s">
        <v>97</v>
      </c>
      <c r="F58" s="12" t="s">
        <v>98</v>
      </c>
      <c r="G58" s="53" t="s">
        <v>33</v>
      </c>
      <c r="H58" s="24">
        <v>702</v>
      </c>
    </row>
    <row r="59" spans="1:8" ht="30" customHeight="1" x14ac:dyDescent="0.2">
      <c r="A59" s="16" t="s">
        <v>43</v>
      </c>
      <c r="B59" s="14"/>
      <c r="C59" s="51" t="s">
        <v>400</v>
      </c>
      <c r="D59" s="20" t="s">
        <v>293</v>
      </c>
      <c r="E59" s="20" t="s">
        <v>401</v>
      </c>
      <c r="F59" s="12" t="s">
        <v>8</v>
      </c>
      <c r="G59" s="53" t="s">
        <v>33</v>
      </c>
      <c r="H59" s="24">
        <v>1188</v>
      </c>
    </row>
    <row r="60" spans="1:8" ht="30" customHeight="1" x14ac:dyDescent="0.2">
      <c r="A60" s="16" t="s">
        <v>43</v>
      </c>
      <c r="B60" s="14"/>
      <c r="C60" s="51" t="s">
        <v>400</v>
      </c>
      <c r="D60" s="20" t="s">
        <v>293</v>
      </c>
      <c r="E60" s="20" t="s">
        <v>401</v>
      </c>
      <c r="F60" s="12" t="s">
        <v>402</v>
      </c>
      <c r="G60" s="53" t="s">
        <v>33</v>
      </c>
      <c r="H60" s="24">
        <v>205.2</v>
      </c>
    </row>
    <row r="61" spans="1:8" ht="30" customHeight="1" x14ac:dyDescent="0.2">
      <c r="A61" s="16" t="s">
        <v>43</v>
      </c>
      <c r="B61" s="14"/>
      <c r="C61" s="51" t="s">
        <v>67</v>
      </c>
      <c r="D61" s="20" t="s">
        <v>325</v>
      </c>
      <c r="E61" s="20" t="s">
        <v>403</v>
      </c>
      <c r="F61" s="12"/>
      <c r="G61" s="53" t="s">
        <v>31</v>
      </c>
      <c r="H61" s="24">
        <v>2484</v>
      </c>
    </row>
    <row r="62" spans="1:8" ht="30" customHeight="1" x14ac:dyDescent="0.2">
      <c r="A62" s="16" t="s">
        <v>43</v>
      </c>
      <c r="B62" s="14"/>
      <c r="C62" s="51" t="s">
        <v>345</v>
      </c>
      <c r="D62" s="20" t="s">
        <v>257</v>
      </c>
      <c r="E62" s="20" t="s">
        <v>188</v>
      </c>
      <c r="F62" s="12"/>
      <c r="G62" s="53" t="s">
        <v>31</v>
      </c>
      <c r="H62" s="24">
        <v>621</v>
      </c>
    </row>
    <row r="63" spans="1:8" ht="30" customHeight="1" x14ac:dyDescent="0.2">
      <c r="A63" s="16" t="s">
        <v>43</v>
      </c>
      <c r="B63" s="14"/>
      <c r="C63" s="51" t="s">
        <v>116</v>
      </c>
      <c r="D63" s="20" t="s">
        <v>44</v>
      </c>
      <c r="E63" s="20" t="s">
        <v>404</v>
      </c>
      <c r="F63" s="12" t="s">
        <v>8</v>
      </c>
      <c r="G63" s="53" t="s">
        <v>33</v>
      </c>
      <c r="H63" s="24">
        <v>1107</v>
      </c>
    </row>
    <row r="64" spans="1:8" ht="30" customHeight="1" x14ac:dyDescent="0.2">
      <c r="A64" s="16" t="s">
        <v>43</v>
      </c>
      <c r="B64" s="55" t="s">
        <v>95</v>
      </c>
      <c r="C64" s="51" t="s">
        <v>348</v>
      </c>
      <c r="D64" s="20" t="s">
        <v>152</v>
      </c>
      <c r="E64" s="20" t="s">
        <v>405</v>
      </c>
      <c r="F64" s="12"/>
      <c r="G64" s="53" t="s">
        <v>31</v>
      </c>
      <c r="H64" s="24">
        <v>734.4</v>
      </c>
    </row>
    <row r="65" spans="1:8" ht="30" customHeight="1" x14ac:dyDescent="0.2">
      <c r="A65" s="16" t="s">
        <v>43</v>
      </c>
      <c r="B65" s="55"/>
      <c r="C65" s="51" t="s">
        <v>173</v>
      </c>
      <c r="D65" s="20" t="s">
        <v>270</v>
      </c>
      <c r="E65" s="20" t="s">
        <v>111</v>
      </c>
      <c r="F65" s="12"/>
      <c r="G65" s="53" t="s">
        <v>31</v>
      </c>
      <c r="H65" s="24">
        <v>1533.6</v>
      </c>
    </row>
    <row r="66" spans="1:8" ht="30" customHeight="1" x14ac:dyDescent="0.2">
      <c r="A66" s="16" t="s">
        <v>43</v>
      </c>
      <c r="B66" s="14"/>
      <c r="C66" s="51" t="s">
        <v>406</v>
      </c>
      <c r="D66" s="20" t="s">
        <v>46</v>
      </c>
      <c r="E66" s="20" t="s">
        <v>37</v>
      </c>
      <c r="F66" s="12"/>
      <c r="G66" s="53" t="s">
        <v>33</v>
      </c>
      <c r="H66" s="24">
        <v>3024</v>
      </c>
    </row>
    <row r="67" spans="1:8" ht="30" customHeight="1" x14ac:dyDescent="0.2">
      <c r="A67" s="16" t="s">
        <v>43</v>
      </c>
      <c r="B67" s="14"/>
      <c r="C67" s="51" t="s">
        <v>407</v>
      </c>
      <c r="D67" s="20" t="s">
        <v>408</v>
      </c>
      <c r="E67" s="20" t="s">
        <v>40</v>
      </c>
      <c r="F67" s="12" t="s">
        <v>100</v>
      </c>
      <c r="G67" s="53" t="s">
        <v>33</v>
      </c>
      <c r="H67" s="24">
        <v>486</v>
      </c>
    </row>
    <row r="68" spans="1:8" ht="30" customHeight="1" x14ac:dyDescent="0.2">
      <c r="A68" s="16" t="s">
        <v>43</v>
      </c>
      <c r="B68" s="14"/>
      <c r="C68" s="51" t="s">
        <v>327</v>
      </c>
      <c r="D68" s="20" t="s">
        <v>409</v>
      </c>
      <c r="E68" s="20" t="s">
        <v>410</v>
      </c>
      <c r="F68" s="12" t="s">
        <v>411</v>
      </c>
      <c r="G68" s="53" t="s">
        <v>33</v>
      </c>
      <c r="H68" s="24">
        <v>286.2</v>
      </c>
    </row>
    <row r="69" spans="1:8" ht="30" customHeight="1" x14ac:dyDescent="0.2">
      <c r="A69" s="16" t="s">
        <v>43</v>
      </c>
      <c r="B69" s="55" t="s">
        <v>95</v>
      </c>
      <c r="C69" s="51" t="s">
        <v>294</v>
      </c>
      <c r="D69" s="20" t="s">
        <v>123</v>
      </c>
      <c r="E69" s="20" t="s">
        <v>412</v>
      </c>
      <c r="F69" s="12"/>
      <c r="G69" s="53" t="s">
        <v>31</v>
      </c>
      <c r="H69" s="24">
        <v>502.2</v>
      </c>
    </row>
    <row r="70" spans="1:8" ht="30" customHeight="1" x14ac:dyDescent="0.2">
      <c r="A70" s="16" t="s">
        <v>43</v>
      </c>
      <c r="B70" s="55"/>
      <c r="C70" s="51" t="s">
        <v>121</v>
      </c>
      <c r="D70" s="20" t="s">
        <v>212</v>
      </c>
      <c r="E70" s="20" t="s">
        <v>271</v>
      </c>
      <c r="F70" s="5" t="s">
        <v>122</v>
      </c>
      <c r="G70" s="53" t="s">
        <v>71</v>
      </c>
      <c r="H70" s="24">
        <v>14.04</v>
      </c>
    </row>
    <row r="71" spans="1:8" ht="30" customHeight="1" x14ac:dyDescent="0.2">
      <c r="A71" s="16" t="s">
        <v>43</v>
      </c>
      <c r="B71" s="14"/>
      <c r="C71" s="51" t="s">
        <v>346</v>
      </c>
      <c r="D71" s="20" t="s">
        <v>413</v>
      </c>
      <c r="E71" s="20" t="s">
        <v>414</v>
      </c>
      <c r="F71" s="8"/>
      <c r="G71" s="53" t="s">
        <v>31</v>
      </c>
      <c r="H71" s="24">
        <v>2052</v>
      </c>
    </row>
    <row r="72" spans="1:8" ht="30" customHeight="1" x14ac:dyDescent="0.2">
      <c r="A72" s="16" t="s">
        <v>43</v>
      </c>
      <c r="B72" s="14"/>
      <c r="C72" s="51" t="s">
        <v>317</v>
      </c>
      <c r="D72" s="20" t="s">
        <v>300</v>
      </c>
      <c r="E72" s="20" t="s">
        <v>415</v>
      </c>
      <c r="F72" s="8" t="s">
        <v>146</v>
      </c>
      <c r="G72" s="53" t="s">
        <v>71</v>
      </c>
      <c r="H72" s="24">
        <v>54</v>
      </c>
    </row>
    <row r="73" spans="1:8" ht="30" customHeight="1" x14ac:dyDescent="0.2">
      <c r="A73" s="16" t="s">
        <v>43</v>
      </c>
      <c r="B73" s="14"/>
      <c r="C73" s="51" t="s">
        <v>317</v>
      </c>
      <c r="D73" s="20" t="s">
        <v>300</v>
      </c>
      <c r="E73" s="20" t="s">
        <v>415</v>
      </c>
      <c r="F73" s="8" t="s">
        <v>220</v>
      </c>
      <c r="G73" s="53" t="s">
        <v>71</v>
      </c>
      <c r="H73" s="24">
        <v>59.4</v>
      </c>
    </row>
    <row r="74" spans="1:8" ht="30" customHeight="1" x14ac:dyDescent="0.2">
      <c r="A74" s="16" t="s">
        <v>43</v>
      </c>
      <c r="B74" s="14"/>
      <c r="C74" s="51" t="s">
        <v>317</v>
      </c>
      <c r="D74" s="20" t="s">
        <v>300</v>
      </c>
      <c r="E74" s="20" t="s">
        <v>415</v>
      </c>
      <c r="F74" s="8" t="s">
        <v>232</v>
      </c>
      <c r="G74" s="53" t="s">
        <v>71</v>
      </c>
      <c r="H74" s="24">
        <v>69.12</v>
      </c>
    </row>
    <row r="75" spans="1:8" ht="30" customHeight="1" x14ac:dyDescent="0.2">
      <c r="A75" s="12" t="s">
        <v>125</v>
      </c>
      <c r="B75" s="55"/>
      <c r="C75" s="57" t="s">
        <v>59</v>
      </c>
      <c r="D75" s="20" t="s">
        <v>165</v>
      </c>
      <c r="E75" s="20" t="s">
        <v>130</v>
      </c>
      <c r="F75" s="4"/>
      <c r="G75" s="2" t="s">
        <v>73</v>
      </c>
      <c r="H75" s="24">
        <v>933.12</v>
      </c>
    </row>
    <row r="76" spans="1:8" ht="30" customHeight="1" x14ac:dyDescent="0.2">
      <c r="A76" s="12" t="s">
        <v>125</v>
      </c>
      <c r="B76" s="55"/>
      <c r="C76" s="57" t="s">
        <v>60</v>
      </c>
      <c r="D76" s="20" t="s">
        <v>165</v>
      </c>
      <c r="E76" s="20" t="s">
        <v>194</v>
      </c>
      <c r="F76" s="4" t="s">
        <v>336</v>
      </c>
      <c r="G76" s="2" t="s">
        <v>73</v>
      </c>
      <c r="H76" s="24">
        <v>427.68</v>
      </c>
    </row>
    <row r="77" spans="1:8" ht="30" customHeight="1" x14ac:dyDescent="0.2">
      <c r="A77" s="12" t="s">
        <v>125</v>
      </c>
      <c r="B77" s="55"/>
      <c r="C77" s="51" t="s">
        <v>416</v>
      </c>
      <c r="D77" s="20" t="s">
        <v>191</v>
      </c>
      <c r="E77" s="20" t="s">
        <v>97</v>
      </c>
      <c r="F77" s="5" t="s">
        <v>417</v>
      </c>
      <c r="G77" s="53" t="s">
        <v>33</v>
      </c>
      <c r="H77" s="24">
        <v>237.6</v>
      </c>
    </row>
    <row r="78" spans="1:8" ht="30" customHeight="1" x14ac:dyDescent="0.2">
      <c r="A78" s="12" t="s">
        <v>125</v>
      </c>
      <c r="B78" s="55"/>
      <c r="C78" s="51" t="s">
        <v>418</v>
      </c>
      <c r="D78" s="20" t="s">
        <v>165</v>
      </c>
      <c r="E78" s="20" t="s">
        <v>97</v>
      </c>
      <c r="F78" s="5" t="s">
        <v>419</v>
      </c>
      <c r="G78" s="53" t="s">
        <v>31</v>
      </c>
      <c r="H78" s="24">
        <v>428.76</v>
      </c>
    </row>
    <row r="79" spans="1:8" ht="30" customHeight="1" x14ac:dyDescent="0.2">
      <c r="A79" s="12" t="s">
        <v>125</v>
      </c>
      <c r="B79" s="55"/>
      <c r="C79" s="51" t="s">
        <v>420</v>
      </c>
      <c r="D79" s="20" t="s">
        <v>165</v>
      </c>
      <c r="E79" s="20" t="s">
        <v>192</v>
      </c>
      <c r="F79" s="5"/>
      <c r="G79" s="53" t="s">
        <v>31</v>
      </c>
      <c r="H79" s="24">
        <v>251.64</v>
      </c>
    </row>
    <row r="80" spans="1:8" ht="30" customHeight="1" x14ac:dyDescent="0.2">
      <c r="A80" s="12" t="s">
        <v>125</v>
      </c>
      <c r="B80" s="55"/>
      <c r="C80" s="51" t="s">
        <v>45</v>
      </c>
      <c r="D80" s="20" t="s">
        <v>421</v>
      </c>
      <c r="E80" s="20" t="s">
        <v>330</v>
      </c>
      <c r="F80" s="5"/>
      <c r="G80" s="53" t="s">
        <v>31</v>
      </c>
      <c r="H80" s="24">
        <v>540</v>
      </c>
    </row>
    <row r="81" spans="1:8" ht="30" customHeight="1" x14ac:dyDescent="0.2">
      <c r="A81" s="12" t="s">
        <v>125</v>
      </c>
      <c r="B81" s="55"/>
      <c r="C81" s="51" t="s">
        <v>422</v>
      </c>
      <c r="D81" s="20" t="s">
        <v>285</v>
      </c>
      <c r="E81" s="20" t="s">
        <v>423</v>
      </c>
      <c r="F81" s="5" t="s">
        <v>424</v>
      </c>
      <c r="G81" s="53" t="s">
        <v>72</v>
      </c>
      <c r="H81" s="24">
        <v>21.6</v>
      </c>
    </row>
    <row r="82" spans="1:8" ht="30" customHeight="1" x14ac:dyDescent="0.2">
      <c r="A82" s="12" t="s">
        <v>125</v>
      </c>
      <c r="B82" s="55" t="s">
        <v>95</v>
      </c>
      <c r="C82" s="51" t="s">
        <v>425</v>
      </c>
      <c r="D82" s="20" t="s">
        <v>426</v>
      </c>
      <c r="E82" s="20" t="s">
        <v>91</v>
      </c>
      <c r="F82" s="5" t="s">
        <v>100</v>
      </c>
      <c r="G82" s="53" t="s">
        <v>71</v>
      </c>
      <c r="H82" s="24">
        <v>39.96</v>
      </c>
    </row>
    <row r="83" spans="1:8" ht="30" customHeight="1" x14ac:dyDescent="0.2">
      <c r="A83" s="12" t="s">
        <v>125</v>
      </c>
      <c r="B83" s="55" t="s">
        <v>95</v>
      </c>
      <c r="C83" s="51" t="s">
        <v>425</v>
      </c>
      <c r="D83" s="20" t="s">
        <v>426</v>
      </c>
      <c r="E83" s="20" t="s">
        <v>91</v>
      </c>
      <c r="F83" s="5" t="s">
        <v>101</v>
      </c>
      <c r="G83" s="53" t="s">
        <v>71</v>
      </c>
      <c r="H83" s="24">
        <v>54</v>
      </c>
    </row>
    <row r="84" spans="1:8" ht="30" customHeight="1" x14ac:dyDescent="0.2">
      <c r="A84" s="12" t="s">
        <v>125</v>
      </c>
      <c r="B84" s="55"/>
      <c r="C84" s="51" t="s">
        <v>295</v>
      </c>
      <c r="D84" s="20" t="s">
        <v>296</v>
      </c>
      <c r="E84" s="20" t="s">
        <v>427</v>
      </c>
      <c r="F84" s="12" t="s">
        <v>100</v>
      </c>
      <c r="G84" s="53" t="s">
        <v>71</v>
      </c>
      <c r="H84" s="24">
        <v>38.880000000000003</v>
      </c>
    </row>
    <row r="85" spans="1:8" ht="30" customHeight="1" x14ac:dyDescent="0.2">
      <c r="A85" s="12" t="s">
        <v>125</v>
      </c>
      <c r="B85" s="55"/>
      <c r="C85" s="51" t="s">
        <v>295</v>
      </c>
      <c r="D85" s="20" t="s">
        <v>296</v>
      </c>
      <c r="E85" s="20" t="s">
        <v>427</v>
      </c>
      <c r="F85" s="12" t="s">
        <v>101</v>
      </c>
      <c r="G85" s="53" t="s">
        <v>71</v>
      </c>
      <c r="H85" s="24">
        <v>44.28</v>
      </c>
    </row>
    <row r="86" spans="1:8" ht="30" customHeight="1" x14ac:dyDescent="0.2">
      <c r="A86" s="12" t="s">
        <v>125</v>
      </c>
      <c r="B86" s="14"/>
      <c r="C86" s="51" t="s">
        <v>295</v>
      </c>
      <c r="D86" s="20" t="s">
        <v>296</v>
      </c>
      <c r="E86" s="20" t="s">
        <v>427</v>
      </c>
      <c r="F86" s="12" t="s">
        <v>217</v>
      </c>
      <c r="G86" s="53" t="s">
        <v>71</v>
      </c>
      <c r="H86" s="24">
        <v>49.68</v>
      </c>
    </row>
    <row r="87" spans="1:8" ht="30" customHeight="1" x14ac:dyDescent="0.2">
      <c r="A87" s="12" t="s">
        <v>125</v>
      </c>
      <c r="B87" s="14"/>
      <c r="C87" s="51" t="s">
        <v>273</v>
      </c>
      <c r="D87" s="20" t="s">
        <v>272</v>
      </c>
      <c r="E87" s="20" t="s">
        <v>97</v>
      </c>
      <c r="F87" s="12" t="s">
        <v>102</v>
      </c>
      <c r="G87" s="53" t="s">
        <v>31</v>
      </c>
      <c r="H87" s="24">
        <v>601.55999999999995</v>
      </c>
    </row>
    <row r="88" spans="1:8" ht="30" customHeight="1" x14ac:dyDescent="0.2">
      <c r="A88" s="12" t="s">
        <v>125</v>
      </c>
      <c r="B88" s="14"/>
      <c r="C88" s="51" t="s">
        <v>428</v>
      </c>
      <c r="D88" s="20" t="s">
        <v>128</v>
      </c>
      <c r="E88" s="20" t="s">
        <v>36</v>
      </c>
      <c r="F88" s="12"/>
      <c r="G88" s="53" t="s">
        <v>31</v>
      </c>
      <c r="H88" s="24">
        <v>496.8</v>
      </c>
    </row>
    <row r="89" spans="1:8" ht="30" customHeight="1" x14ac:dyDescent="0.2">
      <c r="A89" s="16" t="s">
        <v>125</v>
      </c>
      <c r="B89" s="14"/>
      <c r="C89" s="51" t="s">
        <v>429</v>
      </c>
      <c r="D89" s="20" t="s">
        <v>303</v>
      </c>
      <c r="E89" s="20" t="s">
        <v>430</v>
      </c>
      <c r="F89" s="5" t="s">
        <v>98</v>
      </c>
      <c r="G89" s="53" t="s">
        <v>33</v>
      </c>
      <c r="H89" s="24">
        <v>405</v>
      </c>
    </row>
    <row r="90" spans="1:8" ht="30" customHeight="1" x14ac:dyDescent="0.2">
      <c r="A90" s="12" t="s">
        <v>125</v>
      </c>
      <c r="B90" s="14"/>
      <c r="C90" s="51" t="s">
        <v>431</v>
      </c>
      <c r="D90" s="20" t="s">
        <v>331</v>
      </c>
      <c r="E90" s="20" t="s">
        <v>332</v>
      </c>
      <c r="F90" s="12" t="s">
        <v>99</v>
      </c>
      <c r="G90" s="53" t="s">
        <v>72</v>
      </c>
      <c r="H90" s="24">
        <v>57.24</v>
      </c>
    </row>
    <row r="91" spans="1:8" ht="30" customHeight="1" x14ac:dyDescent="0.2">
      <c r="A91" s="12" t="s">
        <v>125</v>
      </c>
      <c r="B91" s="14"/>
      <c r="C91" s="51" t="s">
        <v>431</v>
      </c>
      <c r="D91" s="20" t="s">
        <v>331</v>
      </c>
      <c r="E91" s="20" t="s">
        <v>332</v>
      </c>
      <c r="F91" s="12" t="s">
        <v>100</v>
      </c>
      <c r="G91" s="53" t="s">
        <v>72</v>
      </c>
      <c r="H91" s="24">
        <v>61.56</v>
      </c>
    </row>
    <row r="92" spans="1:8" ht="30" customHeight="1" x14ac:dyDescent="0.2">
      <c r="A92" s="12" t="s">
        <v>125</v>
      </c>
      <c r="B92" s="14"/>
      <c r="C92" s="51" t="s">
        <v>432</v>
      </c>
      <c r="D92" s="20" t="s">
        <v>195</v>
      </c>
      <c r="E92" s="20" t="s">
        <v>274</v>
      </c>
      <c r="F92" s="12"/>
      <c r="G92" s="53" t="s">
        <v>31</v>
      </c>
      <c r="H92" s="24">
        <v>712.8</v>
      </c>
    </row>
    <row r="93" spans="1:8" ht="30" customHeight="1" x14ac:dyDescent="0.2">
      <c r="A93" s="16" t="s">
        <v>125</v>
      </c>
      <c r="B93" s="55"/>
      <c r="C93" s="51" t="s">
        <v>433</v>
      </c>
      <c r="D93" s="20" t="s">
        <v>168</v>
      </c>
      <c r="E93" s="20" t="s">
        <v>181</v>
      </c>
      <c r="F93" s="12" t="s">
        <v>106</v>
      </c>
      <c r="G93" s="53" t="s">
        <v>71</v>
      </c>
      <c r="H93" s="24">
        <v>43.2</v>
      </c>
    </row>
    <row r="94" spans="1:8" ht="30" customHeight="1" x14ac:dyDescent="0.2">
      <c r="A94" s="16" t="s">
        <v>125</v>
      </c>
      <c r="B94" s="14"/>
      <c r="C94" s="51" t="s">
        <v>434</v>
      </c>
      <c r="D94" s="20" t="s">
        <v>168</v>
      </c>
      <c r="E94" s="20" t="s">
        <v>181</v>
      </c>
      <c r="F94" s="12" t="s">
        <v>99</v>
      </c>
      <c r="G94" s="53" t="s">
        <v>71</v>
      </c>
      <c r="H94" s="24">
        <v>54</v>
      </c>
    </row>
    <row r="95" spans="1:8" ht="30" customHeight="1" x14ac:dyDescent="0.2">
      <c r="A95" s="12" t="s">
        <v>125</v>
      </c>
      <c r="B95" s="14"/>
      <c r="C95" s="51" t="s">
        <v>159</v>
      </c>
      <c r="D95" s="20" t="s">
        <v>168</v>
      </c>
      <c r="E95" s="20" t="s">
        <v>435</v>
      </c>
      <c r="F95" s="12" t="s">
        <v>436</v>
      </c>
      <c r="G95" s="53" t="s">
        <v>71</v>
      </c>
      <c r="H95" s="24">
        <v>43.2</v>
      </c>
    </row>
    <row r="96" spans="1:8" ht="30" customHeight="1" x14ac:dyDescent="0.2">
      <c r="A96" s="12" t="s">
        <v>125</v>
      </c>
      <c r="B96" s="14"/>
      <c r="C96" s="51" t="s">
        <v>251</v>
      </c>
      <c r="D96" s="20" t="s">
        <v>168</v>
      </c>
      <c r="E96" s="20" t="s">
        <v>181</v>
      </c>
      <c r="F96" s="12" t="s">
        <v>99</v>
      </c>
      <c r="G96" s="53" t="s">
        <v>71</v>
      </c>
      <c r="H96" s="24">
        <v>33.479999999999997</v>
      </c>
    </row>
    <row r="97" spans="1:8" ht="30" customHeight="1" x14ac:dyDescent="0.2">
      <c r="A97" s="16" t="s">
        <v>125</v>
      </c>
      <c r="B97" s="14"/>
      <c r="C97" s="51" t="s">
        <v>326</v>
      </c>
      <c r="D97" s="20" t="s">
        <v>168</v>
      </c>
      <c r="E97" s="20" t="s">
        <v>42</v>
      </c>
      <c r="F97" s="12" t="s">
        <v>99</v>
      </c>
      <c r="G97" s="53" t="s">
        <v>71</v>
      </c>
      <c r="H97" s="24">
        <v>43.2</v>
      </c>
    </row>
    <row r="98" spans="1:8" ht="30" customHeight="1" x14ac:dyDescent="0.2">
      <c r="A98" s="12" t="s">
        <v>125</v>
      </c>
      <c r="B98" s="14"/>
      <c r="C98" s="51" t="s">
        <v>437</v>
      </c>
      <c r="D98" s="20" t="s">
        <v>168</v>
      </c>
      <c r="E98" s="20" t="s">
        <v>42</v>
      </c>
      <c r="F98" s="12" t="s">
        <v>99</v>
      </c>
      <c r="G98" s="53" t="s">
        <v>71</v>
      </c>
      <c r="H98" s="24">
        <v>38.340000000000003</v>
      </c>
    </row>
    <row r="99" spans="1:8" ht="30" customHeight="1" x14ac:dyDescent="0.2">
      <c r="A99" s="16" t="s">
        <v>125</v>
      </c>
      <c r="B99" s="55"/>
      <c r="C99" s="51" t="s">
        <v>438</v>
      </c>
      <c r="D99" s="20" t="s">
        <v>168</v>
      </c>
      <c r="E99" s="20" t="s">
        <v>439</v>
      </c>
      <c r="F99" s="12" t="s">
        <v>106</v>
      </c>
      <c r="G99" s="53" t="s">
        <v>71</v>
      </c>
      <c r="H99" s="24">
        <v>42.12</v>
      </c>
    </row>
    <row r="100" spans="1:8" ht="30" customHeight="1" x14ac:dyDescent="0.2">
      <c r="A100" s="16" t="s">
        <v>125</v>
      </c>
      <c r="B100" s="14"/>
      <c r="C100" s="51" t="s">
        <v>126</v>
      </c>
      <c r="D100" s="20" t="s">
        <v>165</v>
      </c>
      <c r="E100" s="20" t="s">
        <v>193</v>
      </c>
      <c r="F100" s="12"/>
      <c r="G100" s="53" t="s">
        <v>31</v>
      </c>
      <c r="H100" s="24">
        <v>950.4</v>
      </c>
    </row>
    <row r="101" spans="1:8" ht="30" customHeight="1" x14ac:dyDescent="0.2">
      <c r="A101" s="12" t="s">
        <v>125</v>
      </c>
      <c r="B101" s="55"/>
      <c r="C101" s="51" t="s">
        <v>440</v>
      </c>
      <c r="D101" s="20" t="s">
        <v>75</v>
      </c>
      <c r="E101" s="20" t="s">
        <v>200</v>
      </c>
      <c r="F101" s="12" t="s">
        <v>233</v>
      </c>
      <c r="G101" s="53" t="s">
        <v>31</v>
      </c>
      <c r="H101" s="24">
        <v>22.68</v>
      </c>
    </row>
    <row r="102" spans="1:8" ht="30" customHeight="1" x14ac:dyDescent="0.2">
      <c r="A102" s="16" t="s">
        <v>125</v>
      </c>
      <c r="B102" s="14"/>
      <c r="C102" s="51" t="s">
        <v>328</v>
      </c>
      <c r="D102" s="20" t="s">
        <v>329</v>
      </c>
      <c r="E102" s="20" t="s">
        <v>275</v>
      </c>
      <c r="F102" s="12" t="s">
        <v>98</v>
      </c>
      <c r="G102" s="53" t="s">
        <v>33</v>
      </c>
      <c r="H102" s="24">
        <v>896.4</v>
      </c>
    </row>
    <row r="103" spans="1:8" ht="30" customHeight="1" x14ac:dyDescent="0.2">
      <c r="A103" s="16" t="s">
        <v>125</v>
      </c>
      <c r="B103" s="55" t="s">
        <v>95</v>
      </c>
      <c r="C103" s="51" t="s">
        <v>158</v>
      </c>
      <c r="D103" s="20" t="s">
        <v>165</v>
      </c>
      <c r="E103" s="20" t="s">
        <v>194</v>
      </c>
      <c r="F103" s="12"/>
      <c r="G103" s="53" t="s">
        <v>31</v>
      </c>
      <c r="H103" s="24">
        <v>451.44</v>
      </c>
    </row>
    <row r="104" spans="1:8" ht="30" customHeight="1" x14ac:dyDescent="0.2">
      <c r="A104" s="16" t="s">
        <v>125</v>
      </c>
      <c r="B104" s="14"/>
      <c r="C104" s="51" t="s">
        <v>281</v>
      </c>
      <c r="D104" s="20" t="s">
        <v>297</v>
      </c>
      <c r="E104" s="20" t="s">
        <v>111</v>
      </c>
      <c r="F104" s="12"/>
      <c r="G104" s="53" t="s">
        <v>31</v>
      </c>
      <c r="H104" s="24">
        <v>648</v>
      </c>
    </row>
    <row r="105" spans="1:8" ht="30" customHeight="1" x14ac:dyDescent="0.2">
      <c r="A105" s="16" t="s">
        <v>125</v>
      </c>
      <c r="B105" s="14"/>
      <c r="C105" s="51" t="s">
        <v>441</v>
      </c>
      <c r="D105" s="20" t="s">
        <v>442</v>
      </c>
      <c r="E105" s="20" t="s">
        <v>92</v>
      </c>
      <c r="F105" s="12" t="s">
        <v>8</v>
      </c>
      <c r="G105" s="53" t="s">
        <v>31</v>
      </c>
      <c r="H105" s="24">
        <v>4320</v>
      </c>
    </row>
    <row r="106" spans="1:8" ht="30" customHeight="1" x14ac:dyDescent="0.2">
      <c r="A106" s="12" t="s">
        <v>125</v>
      </c>
      <c r="B106" s="14"/>
      <c r="C106" s="51" t="s">
        <v>64</v>
      </c>
      <c r="D106" s="20" t="s">
        <v>279</v>
      </c>
      <c r="E106" s="20" t="s">
        <v>443</v>
      </c>
      <c r="F106" s="12"/>
      <c r="G106" s="53" t="s">
        <v>31</v>
      </c>
      <c r="H106" s="24">
        <v>4703.3999999999996</v>
      </c>
    </row>
    <row r="107" spans="1:8" ht="30" customHeight="1" x14ac:dyDescent="0.2">
      <c r="A107" s="16" t="s">
        <v>125</v>
      </c>
      <c r="B107" s="55"/>
      <c r="C107" s="51" t="s">
        <v>444</v>
      </c>
      <c r="D107" s="20" t="s">
        <v>306</v>
      </c>
      <c r="E107" s="20" t="s">
        <v>445</v>
      </c>
      <c r="F107" s="12" t="s">
        <v>102</v>
      </c>
      <c r="G107" s="53" t="s">
        <v>31</v>
      </c>
      <c r="H107" s="24">
        <v>2110.3200000000002</v>
      </c>
    </row>
    <row r="108" spans="1:8" ht="30" customHeight="1" x14ac:dyDescent="0.2">
      <c r="A108" s="16" t="s">
        <v>125</v>
      </c>
      <c r="B108" s="14"/>
      <c r="C108" s="51" t="s">
        <v>446</v>
      </c>
      <c r="D108" s="20" t="s">
        <v>298</v>
      </c>
      <c r="E108" s="20" t="s">
        <v>341</v>
      </c>
      <c r="F108" s="12"/>
      <c r="G108" s="53" t="s">
        <v>33</v>
      </c>
      <c r="H108" s="24">
        <v>507.6</v>
      </c>
    </row>
    <row r="109" spans="1:8" ht="30" customHeight="1" x14ac:dyDescent="0.2">
      <c r="A109" s="12" t="s">
        <v>125</v>
      </c>
      <c r="B109" s="14"/>
      <c r="C109" s="51" t="s">
        <v>307</v>
      </c>
      <c r="D109" s="20" t="s">
        <v>165</v>
      </c>
      <c r="E109" s="20" t="s">
        <v>127</v>
      </c>
      <c r="F109" s="8" t="s">
        <v>447</v>
      </c>
      <c r="G109" s="53" t="s">
        <v>31</v>
      </c>
      <c r="H109" s="24">
        <v>237.6</v>
      </c>
    </row>
    <row r="110" spans="1:8" ht="30" customHeight="1" x14ac:dyDescent="0.2">
      <c r="A110" s="12" t="s">
        <v>125</v>
      </c>
      <c r="B110" s="14"/>
      <c r="C110" s="51" t="s">
        <v>319</v>
      </c>
      <c r="D110" s="20" t="s">
        <v>195</v>
      </c>
      <c r="E110" s="20" t="s">
        <v>36</v>
      </c>
      <c r="F110" s="12" t="s">
        <v>102</v>
      </c>
      <c r="G110" s="53" t="s">
        <v>32</v>
      </c>
      <c r="H110" s="24">
        <v>363.96</v>
      </c>
    </row>
    <row r="111" spans="1:8" ht="30" customHeight="1" x14ac:dyDescent="0.2">
      <c r="A111" s="16" t="s">
        <v>125</v>
      </c>
      <c r="B111" s="14"/>
      <c r="C111" s="51" t="s">
        <v>448</v>
      </c>
      <c r="D111" s="20" t="s">
        <v>86</v>
      </c>
      <c r="E111" s="20" t="s">
        <v>115</v>
      </c>
      <c r="F111" s="12" t="s">
        <v>217</v>
      </c>
      <c r="G111" s="53" t="s">
        <v>33</v>
      </c>
      <c r="H111" s="24">
        <v>452.52</v>
      </c>
    </row>
    <row r="112" spans="1:8" ht="30" customHeight="1" x14ac:dyDescent="0.2">
      <c r="A112" s="16" t="s">
        <v>125</v>
      </c>
      <c r="B112" s="14"/>
      <c r="C112" s="51" t="s">
        <v>301</v>
      </c>
      <c r="D112" s="20" t="s">
        <v>374</v>
      </c>
      <c r="E112" s="20" t="s">
        <v>111</v>
      </c>
      <c r="F112" s="12"/>
      <c r="G112" s="53" t="s">
        <v>31</v>
      </c>
      <c r="H112" s="24">
        <v>550.79999999999995</v>
      </c>
    </row>
    <row r="113" spans="1:8" ht="30" customHeight="1" x14ac:dyDescent="0.2">
      <c r="A113" s="12" t="s">
        <v>125</v>
      </c>
      <c r="B113" s="14"/>
      <c r="C113" s="51" t="s">
        <v>349</v>
      </c>
      <c r="D113" s="20" t="s">
        <v>196</v>
      </c>
      <c r="E113" s="20" t="s">
        <v>42</v>
      </c>
      <c r="F113" s="12" t="s">
        <v>449</v>
      </c>
      <c r="G113" s="53" t="s">
        <v>71</v>
      </c>
      <c r="H113" s="24">
        <v>10.26</v>
      </c>
    </row>
    <row r="114" spans="1:8" ht="30" customHeight="1" x14ac:dyDescent="0.2">
      <c r="A114" s="16" t="s">
        <v>125</v>
      </c>
      <c r="B114" s="55"/>
      <c r="C114" s="51" t="s">
        <v>129</v>
      </c>
      <c r="D114" s="20" t="s">
        <v>298</v>
      </c>
      <c r="E114" s="20" t="s">
        <v>450</v>
      </c>
      <c r="F114" s="12" t="s">
        <v>102</v>
      </c>
      <c r="G114" s="53" t="s">
        <v>32</v>
      </c>
      <c r="H114" s="24">
        <v>864</v>
      </c>
    </row>
    <row r="115" spans="1:8" ht="30" customHeight="1" x14ac:dyDescent="0.2">
      <c r="A115" s="16" t="s">
        <v>125</v>
      </c>
      <c r="B115" s="14"/>
      <c r="C115" s="51" t="s">
        <v>129</v>
      </c>
      <c r="D115" s="20" t="s">
        <v>298</v>
      </c>
      <c r="E115" s="20" t="s">
        <v>450</v>
      </c>
      <c r="F115" s="12" t="s">
        <v>352</v>
      </c>
      <c r="G115" s="53" t="s">
        <v>32</v>
      </c>
      <c r="H115" s="24">
        <v>615.6</v>
      </c>
    </row>
    <row r="116" spans="1:8" ht="30" customHeight="1" x14ac:dyDescent="0.2">
      <c r="A116" s="16" t="s">
        <v>125</v>
      </c>
      <c r="B116" s="55" t="s">
        <v>95</v>
      </c>
      <c r="C116" s="51" t="s">
        <v>302</v>
      </c>
      <c r="D116" s="20" t="s">
        <v>451</v>
      </c>
      <c r="E116" s="20" t="s">
        <v>42</v>
      </c>
      <c r="F116" s="12" t="s">
        <v>94</v>
      </c>
      <c r="G116" s="53" t="s">
        <v>33</v>
      </c>
      <c r="H116" s="24">
        <v>777.6</v>
      </c>
    </row>
    <row r="117" spans="1:8" ht="30" customHeight="1" x14ac:dyDescent="0.2">
      <c r="A117" s="12" t="s">
        <v>125</v>
      </c>
      <c r="B117" s="55"/>
      <c r="C117" s="51" t="s">
        <v>162</v>
      </c>
      <c r="D117" s="20" t="s">
        <v>196</v>
      </c>
      <c r="E117" s="20" t="s">
        <v>200</v>
      </c>
      <c r="F117" s="5" t="s">
        <v>452</v>
      </c>
      <c r="G117" s="53" t="s">
        <v>71</v>
      </c>
      <c r="H117" s="24">
        <v>25.92</v>
      </c>
    </row>
    <row r="118" spans="1:8" ht="30" customHeight="1" x14ac:dyDescent="0.2">
      <c r="A118" s="12" t="s">
        <v>125</v>
      </c>
      <c r="B118" s="55"/>
      <c r="C118" s="51" t="s">
        <v>162</v>
      </c>
      <c r="D118" s="20" t="s">
        <v>196</v>
      </c>
      <c r="E118" s="20" t="s">
        <v>453</v>
      </c>
      <c r="F118" s="5" t="s">
        <v>454</v>
      </c>
      <c r="G118" s="53" t="s">
        <v>71</v>
      </c>
      <c r="H118" s="24">
        <v>32.4</v>
      </c>
    </row>
    <row r="119" spans="1:8" ht="30" customHeight="1" x14ac:dyDescent="0.2">
      <c r="A119" s="12" t="s">
        <v>125</v>
      </c>
      <c r="B119" s="55"/>
      <c r="C119" s="51" t="s">
        <v>304</v>
      </c>
      <c r="D119" s="20" t="s">
        <v>305</v>
      </c>
      <c r="E119" s="20" t="s">
        <v>455</v>
      </c>
      <c r="F119" s="5"/>
      <c r="G119" s="53" t="s">
        <v>33</v>
      </c>
      <c r="H119" s="24">
        <v>1188</v>
      </c>
    </row>
    <row r="120" spans="1:8" ht="30" customHeight="1" x14ac:dyDescent="0.2">
      <c r="A120" s="12" t="s">
        <v>125</v>
      </c>
      <c r="B120" s="55" t="s">
        <v>95</v>
      </c>
      <c r="C120" s="51" t="s">
        <v>350</v>
      </c>
      <c r="D120" s="20" t="s">
        <v>47</v>
      </c>
      <c r="E120" s="20" t="s">
        <v>456</v>
      </c>
      <c r="F120" s="8" t="s">
        <v>108</v>
      </c>
      <c r="G120" s="53" t="s">
        <v>32</v>
      </c>
      <c r="H120" s="24">
        <v>491.4</v>
      </c>
    </row>
    <row r="121" spans="1:8" ht="30" customHeight="1" x14ac:dyDescent="0.2">
      <c r="A121" s="16" t="s">
        <v>125</v>
      </c>
      <c r="B121" s="14"/>
      <c r="C121" s="51" t="s">
        <v>197</v>
      </c>
      <c r="D121" s="20" t="s">
        <v>298</v>
      </c>
      <c r="E121" s="20" t="s">
        <v>198</v>
      </c>
      <c r="F121" s="8" t="s">
        <v>94</v>
      </c>
      <c r="G121" s="53" t="s">
        <v>33</v>
      </c>
      <c r="H121" s="24">
        <v>972</v>
      </c>
    </row>
    <row r="122" spans="1:8" ht="30" customHeight="1" x14ac:dyDescent="0.2">
      <c r="A122" s="12" t="s">
        <v>219</v>
      </c>
      <c r="B122" s="14"/>
      <c r="C122" s="51" t="s">
        <v>50</v>
      </c>
      <c r="D122" s="20" t="s">
        <v>96</v>
      </c>
      <c r="E122" s="20" t="s">
        <v>42</v>
      </c>
      <c r="F122" s="12"/>
      <c r="G122" s="53" t="s">
        <v>31</v>
      </c>
      <c r="H122" s="24">
        <v>523</v>
      </c>
    </row>
    <row r="123" spans="1:8" ht="30" customHeight="1" x14ac:dyDescent="0.2">
      <c r="A123" s="12" t="s">
        <v>154</v>
      </c>
      <c r="B123" s="14"/>
      <c r="C123" s="51" t="s">
        <v>457</v>
      </c>
      <c r="D123" s="20" t="s">
        <v>340</v>
      </c>
      <c r="E123" s="20" t="s">
        <v>40</v>
      </c>
      <c r="F123" s="12" t="s">
        <v>231</v>
      </c>
      <c r="G123" s="53" t="s">
        <v>33</v>
      </c>
      <c r="H123" s="24">
        <v>378</v>
      </c>
    </row>
    <row r="124" spans="1:8" ht="30" customHeight="1" x14ac:dyDescent="0.2">
      <c r="A124" s="12" t="s">
        <v>154</v>
      </c>
      <c r="B124" s="14"/>
      <c r="C124" s="51" t="s">
        <v>458</v>
      </c>
      <c r="D124" s="20" t="s">
        <v>340</v>
      </c>
      <c r="E124" s="20" t="s">
        <v>40</v>
      </c>
      <c r="F124" s="5" t="s">
        <v>459</v>
      </c>
      <c r="G124" s="53" t="s">
        <v>71</v>
      </c>
      <c r="H124" s="24">
        <v>21.06</v>
      </c>
    </row>
    <row r="125" spans="1:8" ht="30" customHeight="1" x14ac:dyDescent="0.2">
      <c r="A125" s="12" t="s">
        <v>154</v>
      </c>
      <c r="B125" s="14"/>
      <c r="C125" s="51" t="s">
        <v>458</v>
      </c>
      <c r="D125" s="20" t="s">
        <v>340</v>
      </c>
      <c r="E125" s="20" t="s">
        <v>40</v>
      </c>
      <c r="F125" s="12" t="s">
        <v>353</v>
      </c>
      <c r="G125" s="53" t="s">
        <v>71</v>
      </c>
      <c r="H125" s="24">
        <v>29.7</v>
      </c>
    </row>
    <row r="126" spans="1:8" ht="30" customHeight="1" x14ac:dyDescent="0.2">
      <c r="A126" s="12" t="s">
        <v>308</v>
      </c>
      <c r="B126" s="14"/>
      <c r="C126" s="51" t="s">
        <v>178</v>
      </c>
      <c r="D126" s="20" t="s">
        <v>308</v>
      </c>
      <c r="E126" s="20" t="s">
        <v>343</v>
      </c>
      <c r="F126" s="12" t="s">
        <v>201</v>
      </c>
      <c r="G126" s="52" t="s">
        <v>31</v>
      </c>
      <c r="H126" s="24">
        <v>1181</v>
      </c>
    </row>
  </sheetData>
  <mergeCells count="1">
    <mergeCell ref="A1:H1"/>
  </mergeCells>
  <phoneticPr fontId="3"/>
  <printOptions horizontalCentered="1"/>
  <pageMargins left="0.70866141732283472" right="0.19685039370078741" top="0.59055118110236227" bottom="0.59055118110236227" header="0.31496062992125984" footer="0.15748031496062992"/>
  <pageSetup paperSize="9" scale="71" orientation="portrait" r:id="rId1"/>
  <headerFooter alignWithMargins="0">
    <oddHeader>&amp;R&amp;P/&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8"/>
  <sheetViews>
    <sheetView view="pageBreakPreview" zoomScaleNormal="100" zoomScaleSheetLayoutView="100" workbookViewId="0">
      <selection activeCell="E9" sqref="E9"/>
    </sheetView>
  </sheetViews>
  <sheetFormatPr defaultRowHeight="13.2" x14ac:dyDescent="0.2"/>
  <cols>
    <col min="1" max="1" width="15.109375" customWidth="1"/>
    <col min="2" max="2" width="5.44140625" bestFit="1" customWidth="1"/>
    <col min="3" max="4" width="16.109375" bestFit="1" customWidth="1"/>
    <col min="5" max="5" width="5.44140625" bestFit="1" customWidth="1"/>
    <col min="6" max="6" width="13.33203125" customWidth="1"/>
    <col min="7" max="7" width="19.33203125" bestFit="1" customWidth="1"/>
    <col min="8" max="8" width="3.6640625" customWidth="1"/>
    <col min="9" max="9" width="1.77734375" customWidth="1"/>
    <col min="252" max="252" width="15.109375" customWidth="1"/>
    <col min="253" max="253" width="17.88671875" customWidth="1"/>
    <col min="254" max="254" width="12.21875" customWidth="1"/>
    <col min="255" max="255" width="13.21875" customWidth="1"/>
    <col min="256" max="256" width="15.33203125" customWidth="1"/>
    <col min="257" max="257" width="11.88671875" bestFit="1" customWidth="1"/>
    <col min="258" max="258" width="5.44140625" bestFit="1" customWidth="1"/>
    <col min="259" max="259" width="8.88671875" bestFit="1" customWidth="1"/>
    <col min="508" max="508" width="15.109375" customWidth="1"/>
    <col min="509" max="509" width="17.88671875" customWidth="1"/>
    <col min="510" max="510" width="12.21875" customWidth="1"/>
    <col min="511" max="511" width="13.21875" customWidth="1"/>
    <col min="512" max="512" width="15.33203125" customWidth="1"/>
    <col min="513" max="513" width="11.88671875" bestFit="1" customWidth="1"/>
    <col min="514" max="514" width="5.44140625" bestFit="1" customWidth="1"/>
    <col min="515" max="515" width="8.88671875" bestFit="1" customWidth="1"/>
    <col min="764" max="764" width="15.109375" customWidth="1"/>
    <col min="765" max="765" width="17.88671875" customWidth="1"/>
    <col min="766" max="766" width="12.21875" customWidth="1"/>
    <col min="767" max="767" width="13.21875" customWidth="1"/>
    <col min="768" max="768" width="15.33203125" customWidth="1"/>
    <col min="769" max="769" width="11.88671875" bestFit="1" customWidth="1"/>
    <col min="770" max="770" width="5.44140625" bestFit="1" customWidth="1"/>
    <col min="771" max="771" width="8.88671875" bestFit="1" customWidth="1"/>
    <col min="1020" max="1020" width="15.109375" customWidth="1"/>
    <col min="1021" max="1021" width="17.88671875" customWidth="1"/>
    <col min="1022" max="1022" width="12.21875" customWidth="1"/>
    <col min="1023" max="1023" width="13.21875" customWidth="1"/>
    <col min="1024" max="1024" width="15.33203125" customWidth="1"/>
    <col min="1025" max="1025" width="11.88671875" bestFit="1" customWidth="1"/>
    <col min="1026" max="1026" width="5.44140625" bestFit="1" customWidth="1"/>
    <col min="1027" max="1027" width="8.88671875" bestFit="1" customWidth="1"/>
    <col min="1276" max="1276" width="15.109375" customWidth="1"/>
    <col min="1277" max="1277" width="17.88671875" customWidth="1"/>
    <col min="1278" max="1278" width="12.21875" customWidth="1"/>
    <col min="1279" max="1279" width="13.21875" customWidth="1"/>
    <col min="1280" max="1280" width="15.33203125" customWidth="1"/>
    <col min="1281" max="1281" width="11.88671875" bestFit="1" customWidth="1"/>
    <col min="1282" max="1282" width="5.44140625" bestFit="1" customWidth="1"/>
    <col min="1283" max="1283" width="8.88671875" bestFit="1" customWidth="1"/>
    <col min="1532" max="1532" width="15.109375" customWidth="1"/>
    <col min="1533" max="1533" width="17.88671875" customWidth="1"/>
    <col min="1534" max="1534" width="12.21875" customWidth="1"/>
    <col min="1535" max="1535" width="13.21875" customWidth="1"/>
    <col min="1536" max="1536" width="15.33203125" customWidth="1"/>
    <col min="1537" max="1537" width="11.88671875" bestFit="1" customWidth="1"/>
    <col min="1538" max="1538" width="5.44140625" bestFit="1" customWidth="1"/>
    <col min="1539" max="1539" width="8.88671875" bestFit="1" customWidth="1"/>
    <col min="1788" max="1788" width="15.109375" customWidth="1"/>
    <col min="1789" max="1789" width="17.88671875" customWidth="1"/>
    <col min="1790" max="1790" width="12.21875" customWidth="1"/>
    <col min="1791" max="1791" width="13.21875" customWidth="1"/>
    <col min="1792" max="1792" width="15.33203125" customWidth="1"/>
    <col min="1793" max="1793" width="11.88671875" bestFit="1" customWidth="1"/>
    <col min="1794" max="1794" width="5.44140625" bestFit="1" customWidth="1"/>
    <col min="1795" max="1795" width="8.88671875" bestFit="1" customWidth="1"/>
    <col min="2044" max="2044" width="15.109375" customWidth="1"/>
    <col min="2045" max="2045" width="17.88671875" customWidth="1"/>
    <col min="2046" max="2046" width="12.21875" customWidth="1"/>
    <col min="2047" max="2047" width="13.21875" customWidth="1"/>
    <col min="2048" max="2048" width="15.33203125" customWidth="1"/>
    <col min="2049" max="2049" width="11.88671875" bestFit="1" customWidth="1"/>
    <col min="2050" max="2050" width="5.44140625" bestFit="1" customWidth="1"/>
    <col min="2051" max="2051" width="8.88671875" bestFit="1" customWidth="1"/>
    <col min="2300" max="2300" width="15.109375" customWidth="1"/>
    <col min="2301" max="2301" width="17.88671875" customWidth="1"/>
    <col min="2302" max="2302" width="12.21875" customWidth="1"/>
    <col min="2303" max="2303" width="13.21875" customWidth="1"/>
    <col min="2304" max="2304" width="15.33203125" customWidth="1"/>
    <col min="2305" max="2305" width="11.88671875" bestFit="1" customWidth="1"/>
    <col min="2306" max="2306" width="5.44140625" bestFit="1" customWidth="1"/>
    <col min="2307" max="2307" width="8.88671875" bestFit="1" customWidth="1"/>
    <col min="2556" max="2556" width="15.109375" customWidth="1"/>
    <col min="2557" max="2557" width="17.88671875" customWidth="1"/>
    <col min="2558" max="2558" width="12.21875" customWidth="1"/>
    <col min="2559" max="2559" width="13.21875" customWidth="1"/>
    <col min="2560" max="2560" width="15.33203125" customWidth="1"/>
    <col min="2561" max="2561" width="11.88671875" bestFit="1" customWidth="1"/>
    <col min="2562" max="2562" width="5.44140625" bestFit="1" customWidth="1"/>
    <col min="2563" max="2563" width="8.88671875" bestFit="1" customWidth="1"/>
    <col min="2812" max="2812" width="15.109375" customWidth="1"/>
    <col min="2813" max="2813" width="17.88671875" customWidth="1"/>
    <col min="2814" max="2814" width="12.21875" customWidth="1"/>
    <col min="2815" max="2815" width="13.21875" customWidth="1"/>
    <col min="2816" max="2816" width="15.33203125" customWidth="1"/>
    <col min="2817" max="2817" width="11.88671875" bestFit="1" customWidth="1"/>
    <col min="2818" max="2818" width="5.44140625" bestFit="1" customWidth="1"/>
    <col min="2819" max="2819" width="8.88671875" bestFit="1" customWidth="1"/>
    <col min="3068" max="3068" width="15.109375" customWidth="1"/>
    <col min="3069" max="3069" width="17.88671875" customWidth="1"/>
    <col min="3070" max="3070" width="12.21875" customWidth="1"/>
    <col min="3071" max="3071" width="13.21875" customWidth="1"/>
    <col min="3072" max="3072" width="15.33203125" customWidth="1"/>
    <col min="3073" max="3073" width="11.88671875" bestFit="1" customWidth="1"/>
    <col min="3074" max="3074" width="5.44140625" bestFit="1" customWidth="1"/>
    <col min="3075" max="3075" width="8.88671875" bestFit="1" customWidth="1"/>
    <col min="3324" max="3324" width="15.109375" customWidth="1"/>
    <col min="3325" max="3325" width="17.88671875" customWidth="1"/>
    <col min="3326" max="3326" width="12.21875" customWidth="1"/>
    <col min="3327" max="3327" width="13.21875" customWidth="1"/>
    <col min="3328" max="3328" width="15.33203125" customWidth="1"/>
    <col min="3329" max="3329" width="11.88671875" bestFit="1" customWidth="1"/>
    <col min="3330" max="3330" width="5.44140625" bestFit="1" customWidth="1"/>
    <col min="3331" max="3331" width="8.88671875" bestFit="1" customWidth="1"/>
    <col min="3580" max="3580" width="15.109375" customWidth="1"/>
    <col min="3581" max="3581" width="17.88671875" customWidth="1"/>
    <col min="3582" max="3582" width="12.21875" customWidth="1"/>
    <col min="3583" max="3583" width="13.21875" customWidth="1"/>
    <col min="3584" max="3584" width="15.33203125" customWidth="1"/>
    <col min="3585" max="3585" width="11.88671875" bestFit="1" customWidth="1"/>
    <col min="3586" max="3586" width="5.44140625" bestFit="1" customWidth="1"/>
    <col min="3587" max="3587" width="8.88671875" bestFit="1" customWidth="1"/>
    <col min="3836" max="3836" width="15.109375" customWidth="1"/>
    <col min="3837" max="3837" width="17.88671875" customWidth="1"/>
    <col min="3838" max="3838" width="12.21875" customWidth="1"/>
    <col min="3839" max="3839" width="13.21875" customWidth="1"/>
    <col min="3840" max="3840" width="15.33203125" customWidth="1"/>
    <col min="3841" max="3841" width="11.88671875" bestFit="1" customWidth="1"/>
    <col min="3842" max="3842" width="5.44140625" bestFit="1" customWidth="1"/>
    <col min="3843" max="3843" width="8.88671875" bestFit="1" customWidth="1"/>
    <col min="4092" max="4092" width="15.109375" customWidth="1"/>
    <col min="4093" max="4093" width="17.88671875" customWidth="1"/>
    <col min="4094" max="4094" width="12.21875" customWidth="1"/>
    <col min="4095" max="4095" width="13.21875" customWidth="1"/>
    <col min="4096" max="4096" width="15.33203125" customWidth="1"/>
    <col min="4097" max="4097" width="11.88671875" bestFit="1" customWidth="1"/>
    <col min="4098" max="4098" width="5.44140625" bestFit="1" customWidth="1"/>
    <col min="4099" max="4099" width="8.88671875" bestFit="1" customWidth="1"/>
    <col min="4348" max="4348" width="15.109375" customWidth="1"/>
    <col min="4349" max="4349" width="17.88671875" customWidth="1"/>
    <col min="4350" max="4350" width="12.21875" customWidth="1"/>
    <col min="4351" max="4351" width="13.21875" customWidth="1"/>
    <col min="4352" max="4352" width="15.33203125" customWidth="1"/>
    <col min="4353" max="4353" width="11.88671875" bestFit="1" customWidth="1"/>
    <col min="4354" max="4354" width="5.44140625" bestFit="1" customWidth="1"/>
    <col min="4355" max="4355" width="8.88671875" bestFit="1" customWidth="1"/>
    <col min="4604" max="4604" width="15.109375" customWidth="1"/>
    <col min="4605" max="4605" width="17.88671875" customWidth="1"/>
    <col min="4606" max="4606" width="12.21875" customWidth="1"/>
    <col min="4607" max="4607" width="13.21875" customWidth="1"/>
    <col min="4608" max="4608" width="15.33203125" customWidth="1"/>
    <col min="4609" max="4609" width="11.88671875" bestFit="1" customWidth="1"/>
    <col min="4610" max="4610" width="5.44140625" bestFit="1" customWidth="1"/>
    <col min="4611" max="4611" width="8.88671875" bestFit="1" customWidth="1"/>
    <col min="4860" max="4860" width="15.109375" customWidth="1"/>
    <col min="4861" max="4861" width="17.88671875" customWidth="1"/>
    <col min="4862" max="4862" width="12.21875" customWidth="1"/>
    <col min="4863" max="4863" width="13.21875" customWidth="1"/>
    <col min="4864" max="4864" width="15.33203125" customWidth="1"/>
    <col min="4865" max="4865" width="11.88671875" bestFit="1" customWidth="1"/>
    <col min="4866" max="4866" width="5.44140625" bestFit="1" customWidth="1"/>
    <col min="4867" max="4867" width="8.88671875" bestFit="1" customWidth="1"/>
    <col min="5116" max="5116" width="15.109375" customWidth="1"/>
    <col min="5117" max="5117" width="17.88671875" customWidth="1"/>
    <col min="5118" max="5118" width="12.21875" customWidth="1"/>
    <col min="5119" max="5119" width="13.21875" customWidth="1"/>
    <col min="5120" max="5120" width="15.33203125" customWidth="1"/>
    <col min="5121" max="5121" width="11.88671875" bestFit="1" customWidth="1"/>
    <col min="5122" max="5122" width="5.44140625" bestFit="1" customWidth="1"/>
    <col min="5123" max="5123" width="8.88671875" bestFit="1" customWidth="1"/>
    <col min="5372" max="5372" width="15.109375" customWidth="1"/>
    <col min="5373" max="5373" width="17.88671875" customWidth="1"/>
    <col min="5374" max="5374" width="12.21875" customWidth="1"/>
    <col min="5375" max="5375" width="13.21875" customWidth="1"/>
    <col min="5376" max="5376" width="15.33203125" customWidth="1"/>
    <col min="5377" max="5377" width="11.88671875" bestFit="1" customWidth="1"/>
    <col min="5378" max="5378" width="5.44140625" bestFit="1" customWidth="1"/>
    <col min="5379" max="5379" width="8.88671875" bestFit="1" customWidth="1"/>
    <col min="5628" max="5628" width="15.109375" customWidth="1"/>
    <col min="5629" max="5629" width="17.88671875" customWidth="1"/>
    <col min="5630" max="5630" width="12.21875" customWidth="1"/>
    <col min="5631" max="5631" width="13.21875" customWidth="1"/>
    <col min="5632" max="5632" width="15.33203125" customWidth="1"/>
    <col min="5633" max="5633" width="11.88671875" bestFit="1" customWidth="1"/>
    <col min="5634" max="5634" width="5.44140625" bestFit="1" customWidth="1"/>
    <col min="5635" max="5635" width="8.88671875" bestFit="1" customWidth="1"/>
    <col min="5884" max="5884" width="15.109375" customWidth="1"/>
    <col min="5885" max="5885" width="17.88671875" customWidth="1"/>
    <col min="5886" max="5886" width="12.21875" customWidth="1"/>
    <col min="5887" max="5887" width="13.21875" customWidth="1"/>
    <col min="5888" max="5888" width="15.33203125" customWidth="1"/>
    <col min="5889" max="5889" width="11.88671875" bestFit="1" customWidth="1"/>
    <col min="5890" max="5890" width="5.44140625" bestFit="1" customWidth="1"/>
    <col min="5891" max="5891" width="8.88671875" bestFit="1" customWidth="1"/>
    <col min="6140" max="6140" width="15.109375" customWidth="1"/>
    <col min="6141" max="6141" width="17.88671875" customWidth="1"/>
    <col min="6142" max="6142" width="12.21875" customWidth="1"/>
    <col min="6143" max="6143" width="13.21875" customWidth="1"/>
    <col min="6144" max="6144" width="15.33203125" customWidth="1"/>
    <col min="6145" max="6145" width="11.88671875" bestFit="1" customWidth="1"/>
    <col min="6146" max="6146" width="5.44140625" bestFit="1" customWidth="1"/>
    <col min="6147" max="6147" width="8.88671875" bestFit="1" customWidth="1"/>
    <col min="6396" max="6396" width="15.109375" customWidth="1"/>
    <col min="6397" max="6397" width="17.88671875" customWidth="1"/>
    <col min="6398" max="6398" width="12.21875" customWidth="1"/>
    <col min="6399" max="6399" width="13.21875" customWidth="1"/>
    <col min="6400" max="6400" width="15.33203125" customWidth="1"/>
    <col min="6401" max="6401" width="11.88671875" bestFit="1" customWidth="1"/>
    <col min="6402" max="6402" width="5.44140625" bestFit="1" customWidth="1"/>
    <col min="6403" max="6403" width="8.88671875" bestFit="1" customWidth="1"/>
    <col min="6652" max="6652" width="15.109375" customWidth="1"/>
    <col min="6653" max="6653" width="17.88671875" customWidth="1"/>
    <col min="6654" max="6654" width="12.21875" customWidth="1"/>
    <col min="6655" max="6655" width="13.21875" customWidth="1"/>
    <col min="6656" max="6656" width="15.33203125" customWidth="1"/>
    <col min="6657" max="6657" width="11.88671875" bestFit="1" customWidth="1"/>
    <col min="6658" max="6658" width="5.44140625" bestFit="1" customWidth="1"/>
    <col min="6659" max="6659" width="8.88671875" bestFit="1" customWidth="1"/>
    <col min="6908" max="6908" width="15.109375" customWidth="1"/>
    <col min="6909" max="6909" width="17.88671875" customWidth="1"/>
    <col min="6910" max="6910" width="12.21875" customWidth="1"/>
    <col min="6911" max="6911" width="13.21875" customWidth="1"/>
    <col min="6912" max="6912" width="15.33203125" customWidth="1"/>
    <col min="6913" max="6913" width="11.88671875" bestFit="1" customWidth="1"/>
    <col min="6914" max="6914" width="5.44140625" bestFit="1" customWidth="1"/>
    <col min="6915" max="6915" width="8.88671875" bestFit="1" customWidth="1"/>
    <col min="7164" max="7164" width="15.109375" customWidth="1"/>
    <col min="7165" max="7165" width="17.88671875" customWidth="1"/>
    <col min="7166" max="7166" width="12.21875" customWidth="1"/>
    <col min="7167" max="7167" width="13.21875" customWidth="1"/>
    <col min="7168" max="7168" width="15.33203125" customWidth="1"/>
    <col min="7169" max="7169" width="11.88671875" bestFit="1" customWidth="1"/>
    <col min="7170" max="7170" width="5.44140625" bestFit="1" customWidth="1"/>
    <col min="7171" max="7171" width="8.88671875" bestFit="1" customWidth="1"/>
    <col min="7420" max="7420" width="15.109375" customWidth="1"/>
    <col min="7421" max="7421" width="17.88671875" customWidth="1"/>
    <col min="7422" max="7422" width="12.21875" customWidth="1"/>
    <col min="7423" max="7423" width="13.21875" customWidth="1"/>
    <col min="7424" max="7424" width="15.33203125" customWidth="1"/>
    <col min="7425" max="7425" width="11.88671875" bestFit="1" customWidth="1"/>
    <col min="7426" max="7426" width="5.44140625" bestFit="1" customWidth="1"/>
    <col min="7427" max="7427" width="8.88671875" bestFit="1" customWidth="1"/>
    <col min="7676" max="7676" width="15.109375" customWidth="1"/>
    <col min="7677" max="7677" width="17.88671875" customWidth="1"/>
    <col min="7678" max="7678" width="12.21875" customWidth="1"/>
    <col min="7679" max="7679" width="13.21875" customWidth="1"/>
    <col min="7680" max="7680" width="15.33203125" customWidth="1"/>
    <col min="7681" max="7681" width="11.88671875" bestFit="1" customWidth="1"/>
    <col min="7682" max="7682" width="5.44140625" bestFit="1" customWidth="1"/>
    <col min="7683" max="7683" width="8.88671875" bestFit="1" customWidth="1"/>
    <col min="7932" max="7932" width="15.109375" customWidth="1"/>
    <col min="7933" max="7933" width="17.88671875" customWidth="1"/>
    <col min="7934" max="7934" width="12.21875" customWidth="1"/>
    <col min="7935" max="7935" width="13.21875" customWidth="1"/>
    <col min="7936" max="7936" width="15.33203125" customWidth="1"/>
    <col min="7937" max="7937" width="11.88671875" bestFit="1" customWidth="1"/>
    <col min="7938" max="7938" width="5.44140625" bestFit="1" customWidth="1"/>
    <col min="7939" max="7939" width="8.88671875" bestFit="1" customWidth="1"/>
    <col min="8188" max="8188" width="15.109375" customWidth="1"/>
    <col min="8189" max="8189" width="17.88671875" customWidth="1"/>
    <col min="8190" max="8190" width="12.21875" customWidth="1"/>
    <col min="8191" max="8191" width="13.21875" customWidth="1"/>
    <col min="8192" max="8192" width="15.33203125" customWidth="1"/>
    <col min="8193" max="8193" width="11.88671875" bestFit="1" customWidth="1"/>
    <col min="8194" max="8194" width="5.44140625" bestFit="1" customWidth="1"/>
    <col min="8195" max="8195" width="8.88671875" bestFit="1" customWidth="1"/>
    <col min="8444" max="8444" width="15.109375" customWidth="1"/>
    <col min="8445" max="8445" width="17.88671875" customWidth="1"/>
    <col min="8446" max="8446" width="12.21875" customWidth="1"/>
    <col min="8447" max="8447" width="13.21875" customWidth="1"/>
    <col min="8448" max="8448" width="15.33203125" customWidth="1"/>
    <col min="8449" max="8449" width="11.88671875" bestFit="1" customWidth="1"/>
    <col min="8450" max="8450" width="5.44140625" bestFit="1" customWidth="1"/>
    <col min="8451" max="8451" width="8.88671875" bestFit="1" customWidth="1"/>
    <col min="8700" max="8700" width="15.109375" customWidth="1"/>
    <col min="8701" max="8701" width="17.88671875" customWidth="1"/>
    <col min="8702" max="8702" width="12.21875" customWidth="1"/>
    <col min="8703" max="8703" width="13.21875" customWidth="1"/>
    <col min="8704" max="8704" width="15.33203125" customWidth="1"/>
    <col min="8705" max="8705" width="11.88671875" bestFit="1" customWidth="1"/>
    <col min="8706" max="8706" width="5.44140625" bestFit="1" customWidth="1"/>
    <col min="8707" max="8707" width="8.88671875" bestFit="1" customWidth="1"/>
    <col min="8956" max="8956" width="15.109375" customWidth="1"/>
    <col min="8957" max="8957" width="17.88671875" customWidth="1"/>
    <col min="8958" max="8958" width="12.21875" customWidth="1"/>
    <col min="8959" max="8959" width="13.21875" customWidth="1"/>
    <col min="8960" max="8960" width="15.33203125" customWidth="1"/>
    <col min="8961" max="8961" width="11.88671875" bestFit="1" customWidth="1"/>
    <col min="8962" max="8962" width="5.44140625" bestFit="1" customWidth="1"/>
    <col min="8963" max="8963" width="8.88671875" bestFit="1" customWidth="1"/>
    <col min="9212" max="9212" width="15.109375" customWidth="1"/>
    <col min="9213" max="9213" width="17.88671875" customWidth="1"/>
    <col min="9214" max="9214" width="12.21875" customWidth="1"/>
    <col min="9215" max="9215" width="13.21875" customWidth="1"/>
    <col min="9216" max="9216" width="15.33203125" customWidth="1"/>
    <col min="9217" max="9217" width="11.88671875" bestFit="1" customWidth="1"/>
    <col min="9218" max="9218" width="5.44140625" bestFit="1" customWidth="1"/>
    <col min="9219" max="9219" width="8.88671875" bestFit="1" customWidth="1"/>
    <col min="9468" max="9468" width="15.109375" customWidth="1"/>
    <col min="9469" max="9469" width="17.88671875" customWidth="1"/>
    <col min="9470" max="9470" width="12.21875" customWidth="1"/>
    <col min="9471" max="9471" width="13.21875" customWidth="1"/>
    <col min="9472" max="9472" width="15.33203125" customWidth="1"/>
    <col min="9473" max="9473" width="11.88671875" bestFit="1" customWidth="1"/>
    <col min="9474" max="9474" width="5.44140625" bestFit="1" customWidth="1"/>
    <col min="9475" max="9475" width="8.88671875" bestFit="1" customWidth="1"/>
    <col min="9724" max="9724" width="15.109375" customWidth="1"/>
    <col min="9725" max="9725" width="17.88671875" customWidth="1"/>
    <col min="9726" max="9726" width="12.21875" customWidth="1"/>
    <col min="9727" max="9727" width="13.21875" customWidth="1"/>
    <col min="9728" max="9728" width="15.33203125" customWidth="1"/>
    <col min="9729" max="9729" width="11.88671875" bestFit="1" customWidth="1"/>
    <col min="9730" max="9730" width="5.44140625" bestFit="1" customWidth="1"/>
    <col min="9731" max="9731" width="8.88671875" bestFit="1" customWidth="1"/>
    <col min="9980" max="9980" width="15.109375" customWidth="1"/>
    <col min="9981" max="9981" width="17.88671875" customWidth="1"/>
    <col min="9982" max="9982" width="12.21875" customWidth="1"/>
    <col min="9983" max="9983" width="13.21875" customWidth="1"/>
    <col min="9984" max="9984" width="15.33203125" customWidth="1"/>
    <col min="9985" max="9985" width="11.88671875" bestFit="1" customWidth="1"/>
    <col min="9986" max="9986" width="5.44140625" bestFit="1" customWidth="1"/>
    <col min="9987" max="9987" width="8.88671875" bestFit="1" customWidth="1"/>
    <col min="10236" max="10236" width="15.109375" customWidth="1"/>
    <col min="10237" max="10237" width="17.88671875" customWidth="1"/>
    <col min="10238" max="10238" width="12.21875" customWidth="1"/>
    <col min="10239" max="10239" width="13.21875" customWidth="1"/>
    <col min="10240" max="10240" width="15.33203125" customWidth="1"/>
    <col min="10241" max="10241" width="11.88671875" bestFit="1" customWidth="1"/>
    <col min="10242" max="10242" width="5.44140625" bestFit="1" customWidth="1"/>
    <col min="10243" max="10243" width="8.88671875" bestFit="1" customWidth="1"/>
    <col min="10492" max="10492" width="15.109375" customWidth="1"/>
    <col min="10493" max="10493" width="17.88671875" customWidth="1"/>
    <col min="10494" max="10494" width="12.21875" customWidth="1"/>
    <col min="10495" max="10495" width="13.21875" customWidth="1"/>
    <col min="10496" max="10496" width="15.33203125" customWidth="1"/>
    <col min="10497" max="10497" width="11.88671875" bestFit="1" customWidth="1"/>
    <col min="10498" max="10498" width="5.44140625" bestFit="1" customWidth="1"/>
    <col min="10499" max="10499" width="8.88671875" bestFit="1" customWidth="1"/>
    <col min="10748" max="10748" width="15.109375" customWidth="1"/>
    <col min="10749" max="10749" width="17.88671875" customWidth="1"/>
    <col min="10750" max="10750" width="12.21875" customWidth="1"/>
    <col min="10751" max="10751" width="13.21875" customWidth="1"/>
    <col min="10752" max="10752" width="15.33203125" customWidth="1"/>
    <col min="10753" max="10753" width="11.88671875" bestFit="1" customWidth="1"/>
    <col min="10754" max="10754" width="5.44140625" bestFit="1" customWidth="1"/>
    <col min="10755" max="10755" width="8.88671875" bestFit="1" customWidth="1"/>
    <col min="11004" max="11004" width="15.109375" customWidth="1"/>
    <col min="11005" max="11005" width="17.88671875" customWidth="1"/>
    <col min="11006" max="11006" width="12.21875" customWidth="1"/>
    <col min="11007" max="11007" width="13.21875" customWidth="1"/>
    <col min="11008" max="11008" width="15.33203125" customWidth="1"/>
    <col min="11009" max="11009" width="11.88671875" bestFit="1" customWidth="1"/>
    <col min="11010" max="11010" width="5.44140625" bestFit="1" customWidth="1"/>
    <col min="11011" max="11011" width="8.88671875" bestFit="1" customWidth="1"/>
    <col min="11260" max="11260" width="15.109375" customWidth="1"/>
    <col min="11261" max="11261" width="17.88671875" customWidth="1"/>
    <col min="11262" max="11262" width="12.21875" customWidth="1"/>
    <col min="11263" max="11263" width="13.21875" customWidth="1"/>
    <col min="11264" max="11264" width="15.33203125" customWidth="1"/>
    <col min="11265" max="11265" width="11.88671875" bestFit="1" customWidth="1"/>
    <col min="11266" max="11266" width="5.44140625" bestFit="1" customWidth="1"/>
    <col min="11267" max="11267" width="8.88671875" bestFit="1" customWidth="1"/>
    <col min="11516" max="11516" width="15.109375" customWidth="1"/>
    <col min="11517" max="11517" width="17.88671875" customWidth="1"/>
    <col min="11518" max="11518" width="12.21875" customWidth="1"/>
    <col min="11519" max="11519" width="13.21875" customWidth="1"/>
    <col min="11520" max="11520" width="15.33203125" customWidth="1"/>
    <col min="11521" max="11521" width="11.88671875" bestFit="1" customWidth="1"/>
    <col min="11522" max="11522" width="5.44140625" bestFit="1" customWidth="1"/>
    <col min="11523" max="11523" width="8.88671875" bestFit="1" customWidth="1"/>
    <col min="11772" max="11772" width="15.109375" customWidth="1"/>
    <col min="11773" max="11773" width="17.88671875" customWidth="1"/>
    <col min="11774" max="11774" width="12.21875" customWidth="1"/>
    <col min="11775" max="11775" width="13.21875" customWidth="1"/>
    <col min="11776" max="11776" width="15.33203125" customWidth="1"/>
    <col min="11777" max="11777" width="11.88671875" bestFit="1" customWidth="1"/>
    <col min="11778" max="11778" width="5.44140625" bestFit="1" customWidth="1"/>
    <col min="11779" max="11779" width="8.88671875" bestFit="1" customWidth="1"/>
    <col min="12028" max="12028" width="15.109375" customWidth="1"/>
    <col min="12029" max="12029" width="17.88671875" customWidth="1"/>
    <col min="12030" max="12030" width="12.21875" customWidth="1"/>
    <col min="12031" max="12031" width="13.21875" customWidth="1"/>
    <col min="12032" max="12032" width="15.33203125" customWidth="1"/>
    <col min="12033" max="12033" width="11.88671875" bestFit="1" customWidth="1"/>
    <col min="12034" max="12034" width="5.44140625" bestFit="1" customWidth="1"/>
    <col min="12035" max="12035" width="8.88671875" bestFit="1" customWidth="1"/>
    <col min="12284" max="12284" width="15.109375" customWidth="1"/>
    <col min="12285" max="12285" width="17.88671875" customWidth="1"/>
    <col min="12286" max="12286" width="12.21875" customWidth="1"/>
    <col min="12287" max="12287" width="13.21875" customWidth="1"/>
    <col min="12288" max="12288" width="15.33203125" customWidth="1"/>
    <col min="12289" max="12289" width="11.88671875" bestFit="1" customWidth="1"/>
    <col min="12290" max="12290" width="5.44140625" bestFit="1" customWidth="1"/>
    <col min="12291" max="12291" width="8.88671875" bestFit="1" customWidth="1"/>
    <col min="12540" max="12540" width="15.109375" customWidth="1"/>
    <col min="12541" max="12541" width="17.88671875" customWidth="1"/>
    <col min="12542" max="12542" width="12.21875" customWidth="1"/>
    <col min="12543" max="12543" width="13.21875" customWidth="1"/>
    <col min="12544" max="12544" width="15.33203125" customWidth="1"/>
    <col min="12545" max="12545" width="11.88671875" bestFit="1" customWidth="1"/>
    <col min="12546" max="12546" width="5.44140625" bestFit="1" customWidth="1"/>
    <col min="12547" max="12547" width="8.88671875" bestFit="1" customWidth="1"/>
    <col min="12796" max="12796" width="15.109375" customWidth="1"/>
    <col min="12797" max="12797" width="17.88671875" customWidth="1"/>
    <col min="12798" max="12798" width="12.21875" customWidth="1"/>
    <col min="12799" max="12799" width="13.21875" customWidth="1"/>
    <col min="12800" max="12800" width="15.33203125" customWidth="1"/>
    <col min="12801" max="12801" width="11.88671875" bestFit="1" customWidth="1"/>
    <col min="12802" max="12802" width="5.44140625" bestFit="1" customWidth="1"/>
    <col min="12803" max="12803" width="8.88671875" bestFit="1" customWidth="1"/>
    <col min="13052" max="13052" width="15.109375" customWidth="1"/>
    <col min="13053" max="13053" width="17.88671875" customWidth="1"/>
    <col min="13054" max="13054" width="12.21875" customWidth="1"/>
    <col min="13055" max="13055" width="13.21875" customWidth="1"/>
    <col min="13056" max="13056" width="15.33203125" customWidth="1"/>
    <col min="13057" max="13057" width="11.88671875" bestFit="1" customWidth="1"/>
    <col min="13058" max="13058" width="5.44140625" bestFit="1" customWidth="1"/>
    <col min="13059" max="13059" width="8.88671875" bestFit="1" customWidth="1"/>
    <col min="13308" max="13308" width="15.109375" customWidth="1"/>
    <col min="13309" max="13309" width="17.88671875" customWidth="1"/>
    <col min="13310" max="13310" width="12.21875" customWidth="1"/>
    <col min="13311" max="13311" width="13.21875" customWidth="1"/>
    <col min="13312" max="13312" width="15.33203125" customWidth="1"/>
    <col min="13313" max="13313" width="11.88671875" bestFit="1" customWidth="1"/>
    <col min="13314" max="13314" width="5.44140625" bestFit="1" customWidth="1"/>
    <col min="13315" max="13315" width="8.88671875" bestFit="1" customWidth="1"/>
    <col min="13564" max="13564" width="15.109375" customWidth="1"/>
    <col min="13565" max="13565" width="17.88671875" customWidth="1"/>
    <col min="13566" max="13566" width="12.21875" customWidth="1"/>
    <col min="13567" max="13567" width="13.21875" customWidth="1"/>
    <col min="13568" max="13568" width="15.33203125" customWidth="1"/>
    <col min="13569" max="13569" width="11.88671875" bestFit="1" customWidth="1"/>
    <col min="13570" max="13570" width="5.44140625" bestFit="1" customWidth="1"/>
    <col min="13571" max="13571" width="8.88671875" bestFit="1" customWidth="1"/>
    <col min="13820" max="13820" width="15.109375" customWidth="1"/>
    <col min="13821" max="13821" width="17.88671875" customWidth="1"/>
    <col min="13822" max="13822" width="12.21875" customWidth="1"/>
    <col min="13823" max="13823" width="13.21875" customWidth="1"/>
    <col min="13824" max="13824" width="15.33203125" customWidth="1"/>
    <col min="13825" max="13825" width="11.88671875" bestFit="1" customWidth="1"/>
    <col min="13826" max="13826" width="5.44140625" bestFit="1" customWidth="1"/>
    <col min="13827" max="13827" width="8.88671875" bestFit="1" customWidth="1"/>
    <col min="14076" max="14076" width="15.109375" customWidth="1"/>
    <col min="14077" max="14077" width="17.88671875" customWidth="1"/>
    <col min="14078" max="14078" width="12.21875" customWidth="1"/>
    <col min="14079" max="14079" width="13.21875" customWidth="1"/>
    <col min="14080" max="14080" width="15.33203125" customWidth="1"/>
    <col min="14081" max="14081" width="11.88671875" bestFit="1" customWidth="1"/>
    <col min="14082" max="14082" width="5.44140625" bestFit="1" customWidth="1"/>
    <col min="14083" max="14083" width="8.88671875" bestFit="1" customWidth="1"/>
    <col min="14332" max="14332" width="15.109375" customWidth="1"/>
    <col min="14333" max="14333" width="17.88671875" customWidth="1"/>
    <col min="14334" max="14334" width="12.21875" customWidth="1"/>
    <col min="14335" max="14335" width="13.21875" customWidth="1"/>
    <col min="14336" max="14336" width="15.33203125" customWidth="1"/>
    <col min="14337" max="14337" width="11.88671875" bestFit="1" customWidth="1"/>
    <col min="14338" max="14338" width="5.44140625" bestFit="1" customWidth="1"/>
    <col min="14339" max="14339" width="8.88671875" bestFit="1" customWidth="1"/>
    <col min="14588" max="14588" width="15.109375" customWidth="1"/>
    <col min="14589" max="14589" width="17.88671875" customWidth="1"/>
    <col min="14590" max="14590" width="12.21875" customWidth="1"/>
    <col min="14591" max="14591" width="13.21875" customWidth="1"/>
    <col min="14592" max="14592" width="15.33203125" customWidth="1"/>
    <col min="14593" max="14593" width="11.88671875" bestFit="1" customWidth="1"/>
    <col min="14594" max="14594" width="5.44140625" bestFit="1" customWidth="1"/>
    <col min="14595" max="14595" width="8.88671875" bestFit="1" customWidth="1"/>
    <col min="14844" max="14844" width="15.109375" customWidth="1"/>
    <col min="14845" max="14845" width="17.88671875" customWidth="1"/>
    <col min="14846" max="14846" width="12.21875" customWidth="1"/>
    <col min="14847" max="14847" width="13.21875" customWidth="1"/>
    <col min="14848" max="14848" width="15.33203125" customWidth="1"/>
    <col min="14849" max="14849" width="11.88671875" bestFit="1" customWidth="1"/>
    <col min="14850" max="14850" width="5.44140625" bestFit="1" customWidth="1"/>
    <col min="14851" max="14851" width="8.88671875" bestFit="1" customWidth="1"/>
    <col min="15100" max="15100" width="15.109375" customWidth="1"/>
    <col min="15101" max="15101" width="17.88671875" customWidth="1"/>
    <col min="15102" max="15102" width="12.21875" customWidth="1"/>
    <col min="15103" max="15103" width="13.21875" customWidth="1"/>
    <col min="15104" max="15104" width="15.33203125" customWidth="1"/>
    <col min="15105" max="15105" width="11.88671875" bestFit="1" customWidth="1"/>
    <col min="15106" max="15106" width="5.44140625" bestFit="1" customWidth="1"/>
    <col min="15107" max="15107" width="8.88671875" bestFit="1" customWidth="1"/>
    <col min="15356" max="15356" width="15.109375" customWidth="1"/>
    <col min="15357" max="15357" width="17.88671875" customWidth="1"/>
    <col min="15358" max="15358" width="12.21875" customWidth="1"/>
    <col min="15359" max="15359" width="13.21875" customWidth="1"/>
    <col min="15360" max="15360" width="15.33203125" customWidth="1"/>
    <col min="15361" max="15361" width="11.88671875" bestFit="1" customWidth="1"/>
    <col min="15362" max="15362" width="5.44140625" bestFit="1" customWidth="1"/>
    <col min="15363" max="15363" width="8.88671875" bestFit="1" customWidth="1"/>
    <col min="15612" max="15612" width="15.109375" customWidth="1"/>
    <col min="15613" max="15613" width="17.88671875" customWidth="1"/>
    <col min="15614" max="15614" width="12.21875" customWidth="1"/>
    <col min="15615" max="15615" width="13.21875" customWidth="1"/>
    <col min="15616" max="15616" width="15.33203125" customWidth="1"/>
    <col min="15617" max="15617" width="11.88671875" bestFit="1" customWidth="1"/>
    <col min="15618" max="15618" width="5.44140625" bestFit="1" customWidth="1"/>
    <col min="15619" max="15619" width="8.88671875" bestFit="1" customWidth="1"/>
    <col min="15868" max="15868" width="15.109375" customWidth="1"/>
    <col min="15869" max="15869" width="17.88671875" customWidth="1"/>
    <col min="15870" max="15870" width="12.21875" customWidth="1"/>
    <col min="15871" max="15871" width="13.21875" customWidth="1"/>
    <col min="15872" max="15872" width="15.33203125" customWidth="1"/>
    <col min="15873" max="15873" width="11.88671875" bestFit="1" customWidth="1"/>
    <col min="15874" max="15874" width="5.44140625" bestFit="1" customWidth="1"/>
    <col min="15875" max="15875" width="8.88671875" bestFit="1" customWidth="1"/>
    <col min="16124" max="16124" width="15.109375" customWidth="1"/>
    <col min="16125" max="16125" width="17.88671875" customWidth="1"/>
    <col min="16126" max="16126" width="12.21875" customWidth="1"/>
    <col min="16127" max="16127" width="13.21875" customWidth="1"/>
    <col min="16128" max="16128" width="15.33203125" customWidth="1"/>
    <col min="16129" max="16129" width="11.88671875" bestFit="1" customWidth="1"/>
    <col min="16130" max="16130" width="5.44140625" bestFit="1" customWidth="1"/>
    <col min="16131" max="16131" width="8.88671875" bestFit="1" customWidth="1"/>
  </cols>
  <sheetData>
    <row r="1" spans="1:8" ht="24.75" customHeight="1" x14ac:dyDescent="0.2">
      <c r="A1" s="137" t="s">
        <v>767</v>
      </c>
      <c r="B1" s="137"/>
      <c r="C1" s="137"/>
      <c r="D1" s="137"/>
      <c r="E1" s="137"/>
      <c r="F1" s="137"/>
      <c r="G1" s="137"/>
      <c r="H1" s="137"/>
    </row>
    <row r="2" spans="1:8" ht="24.75" customHeight="1" x14ac:dyDescent="0.2">
      <c r="A2" s="88"/>
      <c r="B2" s="88"/>
      <c r="C2" s="88"/>
      <c r="D2" s="88"/>
      <c r="E2" s="88"/>
      <c r="F2" s="88"/>
      <c r="G2" s="88"/>
    </row>
    <row r="3" spans="1:8" ht="24.75" customHeight="1" x14ac:dyDescent="0.2">
      <c r="A3" s="89" t="s">
        <v>768</v>
      </c>
      <c r="B3" s="13"/>
      <c r="C3" s="13"/>
      <c r="D3" s="13"/>
      <c r="E3" s="13"/>
      <c r="F3" s="17"/>
      <c r="G3" s="13"/>
    </row>
    <row r="4" spans="1:8" ht="22.5" customHeight="1" x14ac:dyDescent="0.2">
      <c r="A4" s="90" t="s">
        <v>0</v>
      </c>
      <c r="B4" s="91" t="s">
        <v>769</v>
      </c>
      <c r="C4" s="92"/>
      <c r="D4" s="92"/>
      <c r="E4" s="92"/>
      <c r="F4" s="92"/>
      <c r="G4" s="92"/>
      <c r="H4" s="93"/>
    </row>
    <row r="5" spans="1:8" ht="30.75" customHeight="1" x14ac:dyDescent="0.2">
      <c r="A5" s="90" t="s">
        <v>770</v>
      </c>
      <c r="B5" s="91" t="s">
        <v>771</v>
      </c>
      <c r="C5" s="92"/>
      <c r="D5" s="92"/>
      <c r="E5" s="92"/>
      <c r="F5" s="92"/>
      <c r="G5" s="92"/>
      <c r="H5" s="94"/>
    </row>
    <row r="6" spans="1:8" ht="21.75" customHeight="1" x14ac:dyDescent="0.2">
      <c r="A6" s="138"/>
      <c r="B6" s="138"/>
      <c r="C6" s="138"/>
      <c r="D6" s="138"/>
      <c r="E6" s="138"/>
      <c r="F6" s="138"/>
      <c r="G6" s="138"/>
      <c r="H6" s="138"/>
    </row>
    <row r="7" spans="1:8" ht="21.75" customHeight="1" x14ac:dyDescent="0.2">
      <c r="A7" s="89" t="s">
        <v>772</v>
      </c>
      <c r="B7" s="95"/>
      <c r="C7" s="95"/>
      <c r="D7" s="96"/>
      <c r="E7" s="96"/>
      <c r="F7" s="96"/>
      <c r="G7" s="13"/>
    </row>
    <row r="8" spans="1:8" ht="27" customHeight="1" x14ac:dyDescent="0.2">
      <c r="A8" s="2" t="s">
        <v>773</v>
      </c>
      <c r="B8" s="2" t="s">
        <v>5</v>
      </c>
      <c r="C8" s="97" t="s">
        <v>34</v>
      </c>
      <c r="D8" s="2" t="s">
        <v>773</v>
      </c>
      <c r="E8" s="2" t="s">
        <v>5</v>
      </c>
      <c r="F8" s="97" t="s">
        <v>34</v>
      </c>
      <c r="G8" s="13"/>
    </row>
    <row r="9" spans="1:8" ht="21.75" customHeight="1" x14ac:dyDescent="0.2">
      <c r="A9" s="98" t="s">
        <v>774</v>
      </c>
      <c r="B9" s="69" t="s">
        <v>775</v>
      </c>
      <c r="C9" s="99">
        <v>290</v>
      </c>
      <c r="D9" s="98" t="s">
        <v>776</v>
      </c>
      <c r="E9" s="69" t="s">
        <v>775</v>
      </c>
      <c r="F9" s="99">
        <v>430</v>
      </c>
      <c r="G9" s="13"/>
    </row>
    <row r="10" spans="1:8" ht="21.75" customHeight="1" x14ac:dyDescent="0.2">
      <c r="A10" s="98" t="s">
        <v>777</v>
      </c>
      <c r="B10" s="69" t="s">
        <v>775</v>
      </c>
      <c r="C10" s="99">
        <v>1650</v>
      </c>
      <c r="D10" s="98" t="s">
        <v>778</v>
      </c>
      <c r="E10" s="69" t="s">
        <v>775</v>
      </c>
      <c r="F10" s="99">
        <v>430</v>
      </c>
      <c r="G10" s="13"/>
    </row>
    <row r="11" spans="1:8" ht="21.75" customHeight="1" x14ac:dyDescent="0.2">
      <c r="A11" s="98" t="s">
        <v>779</v>
      </c>
      <c r="B11" s="69" t="s">
        <v>775</v>
      </c>
      <c r="C11" s="99">
        <v>365</v>
      </c>
      <c r="D11" s="98" t="s">
        <v>780</v>
      </c>
      <c r="E11" s="69" t="s">
        <v>775</v>
      </c>
      <c r="F11" s="99">
        <v>430</v>
      </c>
      <c r="G11" s="13"/>
    </row>
    <row r="12" spans="1:8" ht="21.75" customHeight="1" x14ac:dyDescent="0.2">
      <c r="A12" s="98" t="s">
        <v>781</v>
      </c>
      <c r="B12" s="69" t="s">
        <v>775</v>
      </c>
      <c r="C12" s="99">
        <v>715</v>
      </c>
      <c r="D12" s="98" t="s">
        <v>782</v>
      </c>
      <c r="E12" s="69" t="s">
        <v>775</v>
      </c>
      <c r="F12" s="99">
        <v>1780</v>
      </c>
      <c r="G12" s="100"/>
    </row>
    <row r="13" spans="1:8" ht="21.75" customHeight="1" x14ac:dyDescent="0.2">
      <c r="A13" s="101"/>
      <c r="B13" s="102"/>
      <c r="C13" s="103"/>
      <c r="D13" s="101"/>
      <c r="E13" s="104"/>
      <c r="F13" s="105"/>
      <c r="G13" s="13"/>
    </row>
    <row r="14" spans="1:8" ht="21.75" customHeight="1" x14ac:dyDescent="0.2">
      <c r="A14" s="106" t="s">
        <v>783</v>
      </c>
      <c r="B14" s="106"/>
      <c r="C14" s="106"/>
      <c r="D14" s="106"/>
      <c r="E14" s="106"/>
      <c r="F14" s="106"/>
      <c r="G14" s="13"/>
    </row>
    <row r="15" spans="1:8" ht="27" customHeight="1" x14ac:dyDescent="0.2">
      <c r="A15" s="2" t="s">
        <v>1</v>
      </c>
      <c r="B15" s="2" t="s">
        <v>5</v>
      </c>
      <c r="C15" s="97" t="s">
        <v>4</v>
      </c>
      <c r="D15" s="2" t="s">
        <v>784</v>
      </c>
      <c r="E15" s="107"/>
      <c r="F15" s="17"/>
      <c r="G15" s="17"/>
    </row>
    <row r="16" spans="1:8" ht="21.75" customHeight="1" x14ac:dyDescent="0.2">
      <c r="A16" s="108" t="s">
        <v>77</v>
      </c>
      <c r="B16" s="109" t="s">
        <v>7</v>
      </c>
      <c r="C16" s="110" t="s">
        <v>785</v>
      </c>
      <c r="D16" s="111">
        <v>14</v>
      </c>
      <c r="E16" s="112"/>
      <c r="F16" s="113"/>
      <c r="G16" s="113"/>
    </row>
    <row r="17" spans="1:7" ht="21.75" customHeight="1" x14ac:dyDescent="0.2">
      <c r="A17" s="98" t="s">
        <v>786</v>
      </c>
      <c r="B17" s="2" t="s">
        <v>7</v>
      </c>
      <c r="C17" s="110" t="s">
        <v>785</v>
      </c>
      <c r="D17" s="111">
        <v>16</v>
      </c>
      <c r="E17" s="114"/>
      <c r="F17" s="113"/>
      <c r="G17" s="113"/>
    </row>
    <row r="18" spans="1:7" ht="21.75" customHeight="1" x14ac:dyDescent="0.2">
      <c r="A18" s="115" t="s">
        <v>787</v>
      </c>
      <c r="B18" s="2" t="s">
        <v>7</v>
      </c>
      <c r="C18" s="110" t="s">
        <v>785</v>
      </c>
      <c r="D18" s="111">
        <v>16</v>
      </c>
      <c r="F18" s="113"/>
      <c r="G18" s="113"/>
    </row>
    <row r="19" spans="1:7" ht="21.75" customHeight="1" x14ac:dyDescent="0.2">
      <c r="A19" s="115" t="s">
        <v>788</v>
      </c>
      <c r="B19" s="2" t="s">
        <v>7</v>
      </c>
      <c r="C19" s="110" t="s">
        <v>785</v>
      </c>
      <c r="D19" s="111">
        <v>16</v>
      </c>
      <c r="F19" s="113"/>
      <c r="G19" s="113"/>
    </row>
    <row r="20" spans="1:7" ht="21.75" customHeight="1" x14ac:dyDescent="0.2">
      <c r="A20" s="16" t="s">
        <v>789</v>
      </c>
      <c r="B20" s="2" t="s">
        <v>7</v>
      </c>
      <c r="C20" s="110" t="s">
        <v>785</v>
      </c>
      <c r="D20" s="111">
        <v>14</v>
      </c>
      <c r="F20" s="113"/>
      <c r="G20" s="113"/>
    </row>
    <row r="21" spans="1:7" ht="21.75" customHeight="1" x14ac:dyDescent="0.2">
      <c r="A21" s="16" t="s">
        <v>790</v>
      </c>
      <c r="B21" s="2" t="s">
        <v>7</v>
      </c>
      <c r="C21" s="110" t="s">
        <v>785</v>
      </c>
      <c r="D21" s="111">
        <v>20</v>
      </c>
      <c r="F21" s="113"/>
      <c r="G21" s="113"/>
    </row>
    <row r="22" spans="1:7" ht="21.75" customHeight="1" x14ac:dyDescent="0.2">
      <c r="A22" s="16" t="s">
        <v>791</v>
      </c>
      <c r="B22" s="2" t="s">
        <v>7</v>
      </c>
      <c r="C22" s="110" t="s">
        <v>785</v>
      </c>
      <c r="D22" s="111">
        <v>20</v>
      </c>
      <c r="F22" s="113"/>
      <c r="G22" s="113"/>
    </row>
    <row r="23" spans="1:7" ht="21.75" customHeight="1" x14ac:dyDescent="0.2">
      <c r="A23" s="16" t="s">
        <v>792</v>
      </c>
      <c r="B23" s="2" t="s">
        <v>7</v>
      </c>
      <c r="C23" s="110" t="s">
        <v>785</v>
      </c>
      <c r="D23" s="111">
        <v>16</v>
      </c>
      <c r="F23" s="113"/>
      <c r="G23" s="113"/>
    </row>
    <row r="24" spans="1:7" ht="21.75" customHeight="1" x14ac:dyDescent="0.2">
      <c r="A24" s="16" t="s">
        <v>793</v>
      </c>
      <c r="B24" s="2" t="s">
        <v>7</v>
      </c>
      <c r="C24" s="110" t="s">
        <v>785</v>
      </c>
      <c r="D24" s="111">
        <v>18</v>
      </c>
      <c r="F24" s="113"/>
      <c r="G24" s="113"/>
    </row>
    <row r="25" spans="1:7" ht="21.75" customHeight="1" x14ac:dyDescent="0.2"/>
    <row r="26" spans="1:7" ht="21.75" customHeight="1" x14ac:dyDescent="0.2"/>
    <row r="27" spans="1:7" ht="21.75" customHeight="1" x14ac:dyDescent="0.2"/>
    <row r="28" spans="1:7" ht="21.75" customHeight="1" x14ac:dyDescent="0.2"/>
    <row r="29" spans="1:7" ht="21.75" customHeight="1" x14ac:dyDescent="0.2"/>
    <row r="30" spans="1:7" ht="21.75" customHeight="1" x14ac:dyDescent="0.2"/>
    <row r="31" spans="1:7" ht="21.75" customHeight="1" x14ac:dyDescent="0.2"/>
    <row r="32" spans="1:7" ht="21.75" customHeight="1" x14ac:dyDescent="0.2"/>
    <row r="33" ht="21.75" customHeight="1" x14ac:dyDescent="0.2"/>
    <row r="34" ht="21.75" customHeight="1" x14ac:dyDescent="0.2"/>
    <row r="35" ht="21.75" customHeight="1" x14ac:dyDescent="0.2"/>
    <row r="36" ht="21.75" customHeight="1" x14ac:dyDescent="0.2"/>
    <row r="37" ht="21.75" customHeight="1" x14ac:dyDescent="0.2"/>
    <row r="38" ht="21.75" customHeight="1" x14ac:dyDescent="0.2"/>
  </sheetData>
  <mergeCells count="2">
    <mergeCell ref="A1:H1"/>
    <mergeCell ref="A6:H6"/>
  </mergeCells>
  <phoneticPr fontId="3"/>
  <printOptions horizontalCentered="1"/>
  <pageMargins left="0.78740157480314965" right="0.78740157480314965" top="0.59055118110236227" bottom="0.98425196850393704" header="0.51181102362204722" footer="0.51181102362204722"/>
  <pageSetup paperSize="9" scale="92" fitToHeight="2"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35"/>
  <sheetViews>
    <sheetView view="pageBreakPreview" zoomScaleNormal="100" zoomScaleSheetLayoutView="100" workbookViewId="0">
      <pane ySplit="2" topLeftCell="A90" activePane="bottomLeft" state="frozen"/>
      <selection activeCell="A4" sqref="A4"/>
      <selection pane="bottomLeft" activeCell="A95" sqref="A95:XFD95"/>
    </sheetView>
  </sheetViews>
  <sheetFormatPr defaultRowHeight="14.4" x14ac:dyDescent="0.2"/>
  <cols>
    <col min="1" max="1" width="18" style="83" bestFit="1" customWidth="1"/>
    <col min="2" max="2" width="26.109375" style="84" customWidth="1"/>
    <col min="3" max="3" width="18.88671875" style="85" bestFit="1" customWidth="1"/>
    <col min="4" max="4" width="24.44140625" bestFit="1" customWidth="1"/>
    <col min="5" max="5" width="18.88671875" customWidth="1"/>
    <col min="6" max="6" width="5.44140625" style="17" bestFit="1" customWidth="1"/>
    <col min="7" max="7" width="17.33203125" style="86" customWidth="1"/>
    <col min="254" max="254" width="15.109375" customWidth="1"/>
    <col min="255" max="255" width="17.88671875" customWidth="1"/>
    <col min="256" max="256" width="12.21875" customWidth="1"/>
    <col min="257" max="257" width="13.21875" customWidth="1"/>
    <col min="258" max="258" width="15.33203125" customWidth="1"/>
    <col min="259" max="259" width="11.88671875" bestFit="1" customWidth="1"/>
    <col min="260" max="260" width="5.44140625" bestFit="1" customWidth="1"/>
    <col min="261" max="261" width="8.88671875" bestFit="1" customWidth="1"/>
    <col min="510" max="510" width="15.109375" customWidth="1"/>
    <col min="511" max="511" width="17.88671875" customWidth="1"/>
    <col min="512" max="512" width="12.21875" customWidth="1"/>
    <col min="513" max="513" width="13.21875" customWidth="1"/>
    <col min="514" max="514" width="15.33203125" customWidth="1"/>
    <col min="515" max="515" width="11.88671875" bestFit="1" customWidth="1"/>
    <col min="516" max="516" width="5.44140625" bestFit="1" customWidth="1"/>
    <col min="517" max="517" width="8.88671875" bestFit="1" customWidth="1"/>
    <col min="766" max="766" width="15.109375" customWidth="1"/>
    <col min="767" max="767" width="17.88671875" customWidth="1"/>
    <col min="768" max="768" width="12.21875" customWidth="1"/>
    <col min="769" max="769" width="13.21875" customWidth="1"/>
    <col min="770" max="770" width="15.33203125" customWidth="1"/>
    <col min="771" max="771" width="11.88671875" bestFit="1" customWidth="1"/>
    <col min="772" max="772" width="5.44140625" bestFit="1" customWidth="1"/>
    <col min="773" max="773" width="8.88671875" bestFit="1" customWidth="1"/>
    <col min="1022" max="1022" width="15.109375" customWidth="1"/>
    <col min="1023" max="1023" width="17.88671875" customWidth="1"/>
    <col min="1024" max="1024" width="12.21875" customWidth="1"/>
    <col min="1025" max="1025" width="13.21875" customWidth="1"/>
    <col min="1026" max="1026" width="15.33203125" customWidth="1"/>
    <col min="1027" max="1027" width="11.88671875" bestFit="1" customWidth="1"/>
    <col min="1028" max="1028" width="5.44140625" bestFit="1" customWidth="1"/>
    <col min="1029" max="1029" width="8.88671875" bestFit="1" customWidth="1"/>
    <col min="1278" max="1278" width="15.109375" customWidth="1"/>
    <col min="1279" max="1279" width="17.88671875" customWidth="1"/>
    <col min="1280" max="1280" width="12.21875" customWidth="1"/>
    <col min="1281" max="1281" width="13.21875" customWidth="1"/>
    <col min="1282" max="1282" width="15.33203125" customWidth="1"/>
    <col min="1283" max="1283" width="11.88671875" bestFit="1" customWidth="1"/>
    <col min="1284" max="1284" width="5.44140625" bestFit="1" customWidth="1"/>
    <col min="1285" max="1285" width="8.88671875" bestFit="1" customWidth="1"/>
    <col min="1534" max="1534" width="15.109375" customWidth="1"/>
    <col min="1535" max="1535" width="17.88671875" customWidth="1"/>
    <col min="1536" max="1536" width="12.21875" customWidth="1"/>
    <col min="1537" max="1537" width="13.21875" customWidth="1"/>
    <col min="1538" max="1538" width="15.33203125" customWidth="1"/>
    <col min="1539" max="1539" width="11.88671875" bestFit="1" customWidth="1"/>
    <col min="1540" max="1540" width="5.44140625" bestFit="1" customWidth="1"/>
    <col min="1541" max="1541" width="8.88671875" bestFit="1" customWidth="1"/>
    <col min="1790" max="1790" width="15.109375" customWidth="1"/>
    <col min="1791" max="1791" width="17.88671875" customWidth="1"/>
    <col min="1792" max="1792" width="12.21875" customWidth="1"/>
    <col min="1793" max="1793" width="13.21875" customWidth="1"/>
    <col min="1794" max="1794" width="15.33203125" customWidth="1"/>
    <col min="1795" max="1795" width="11.88671875" bestFit="1" customWidth="1"/>
    <col min="1796" max="1796" width="5.44140625" bestFit="1" customWidth="1"/>
    <col min="1797" max="1797" width="8.88671875" bestFit="1" customWidth="1"/>
    <col min="2046" max="2046" width="15.109375" customWidth="1"/>
    <col min="2047" max="2047" width="17.88671875" customWidth="1"/>
    <col min="2048" max="2048" width="12.21875" customWidth="1"/>
    <col min="2049" max="2049" width="13.21875" customWidth="1"/>
    <col min="2050" max="2050" width="15.33203125" customWidth="1"/>
    <col min="2051" max="2051" width="11.88671875" bestFit="1" customWidth="1"/>
    <col min="2052" max="2052" width="5.44140625" bestFit="1" customWidth="1"/>
    <col min="2053" max="2053" width="8.88671875" bestFit="1" customWidth="1"/>
    <col min="2302" max="2302" width="15.109375" customWidth="1"/>
    <col min="2303" max="2303" width="17.88671875" customWidth="1"/>
    <col min="2304" max="2304" width="12.21875" customWidth="1"/>
    <col min="2305" max="2305" width="13.21875" customWidth="1"/>
    <col min="2306" max="2306" width="15.33203125" customWidth="1"/>
    <col min="2307" max="2307" width="11.88671875" bestFit="1" customWidth="1"/>
    <col min="2308" max="2308" width="5.44140625" bestFit="1" customWidth="1"/>
    <col min="2309" max="2309" width="8.88671875" bestFit="1" customWidth="1"/>
    <col min="2558" max="2558" width="15.109375" customWidth="1"/>
    <col min="2559" max="2559" width="17.88671875" customWidth="1"/>
    <col min="2560" max="2560" width="12.21875" customWidth="1"/>
    <col min="2561" max="2561" width="13.21875" customWidth="1"/>
    <col min="2562" max="2562" width="15.33203125" customWidth="1"/>
    <col min="2563" max="2563" width="11.88671875" bestFit="1" customWidth="1"/>
    <col min="2564" max="2564" width="5.44140625" bestFit="1" customWidth="1"/>
    <col min="2565" max="2565" width="8.88671875" bestFit="1" customWidth="1"/>
    <col min="2814" max="2814" width="15.109375" customWidth="1"/>
    <col min="2815" max="2815" width="17.88671875" customWidth="1"/>
    <col min="2816" max="2816" width="12.21875" customWidth="1"/>
    <col min="2817" max="2817" width="13.21875" customWidth="1"/>
    <col min="2818" max="2818" width="15.33203125" customWidth="1"/>
    <col min="2819" max="2819" width="11.88671875" bestFit="1" customWidth="1"/>
    <col min="2820" max="2820" width="5.44140625" bestFit="1" customWidth="1"/>
    <col min="2821" max="2821" width="8.88671875" bestFit="1" customWidth="1"/>
    <col min="3070" max="3070" width="15.109375" customWidth="1"/>
    <col min="3071" max="3071" width="17.88671875" customWidth="1"/>
    <col min="3072" max="3072" width="12.21875" customWidth="1"/>
    <col min="3073" max="3073" width="13.21875" customWidth="1"/>
    <col min="3074" max="3074" width="15.33203125" customWidth="1"/>
    <col min="3075" max="3075" width="11.88671875" bestFit="1" customWidth="1"/>
    <col min="3076" max="3076" width="5.44140625" bestFit="1" customWidth="1"/>
    <col min="3077" max="3077" width="8.88671875" bestFit="1" customWidth="1"/>
    <col min="3326" max="3326" width="15.109375" customWidth="1"/>
    <col min="3327" max="3327" width="17.88671875" customWidth="1"/>
    <col min="3328" max="3328" width="12.21875" customWidth="1"/>
    <col min="3329" max="3329" width="13.21875" customWidth="1"/>
    <col min="3330" max="3330" width="15.33203125" customWidth="1"/>
    <col min="3331" max="3331" width="11.88671875" bestFit="1" customWidth="1"/>
    <col min="3332" max="3332" width="5.44140625" bestFit="1" customWidth="1"/>
    <col min="3333" max="3333" width="8.88671875" bestFit="1" customWidth="1"/>
    <col min="3582" max="3582" width="15.109375" customWidth="1"/>
    <col min="3583" max="3583" width="17.88671875" customWidth="1"/>
    <col min="3584" max="3584" width="12.21875" customWidth="1"/>
    <col min="3585" max="3585" width="13.21875" customWidth="1"/>
    <col min="3586" max="3586" width="15.33203125" customWidth="1"/>
    <col min="3587" max="3587" width="11.88671875" bestFit="1" customWidth="1"/>
    <col min="3588" max="3588" width="5.44140625" bestFit="1" customWidth="1"/>
    <col min="3589" max="3589" width="8.88671875" bestFit="1" customWidth="1"/>
    <col min="3838" max="3838" width="15.109375" customWidth="1"/>
    <col min="3839" max="3839" width="17.88671875" customWidth="1"/>
    <col min="3840" max="3840" width="12.21875" customWidth="1"/>
    <col min="3841" max="3841" width="13.21875" customWidth="1"/>
    <col min="3842" max="3842" width="15.33203125" customWidth="1"/>
    <col min="3843" max="3843" width="11.88671875" bestFit="1" customWidth="1"/>
    <col min="3844" max="3844" width="5.44140625" bestFit="1" customWidth="1"/>
    <col min="3845" max="3845" width="8.88671875" bestFit="1" customWidth="1"/>
    <col min="4094" max="4094" width="15.109375" customWidth="1"/>
    <col min="4095" max="4095" width="17.88671875" customWidth="1"/>
    <col min="4096" max="4096" width="12.21875" customWidth="1"/>
    <col min="4097" max="4097" width="13.21875" customWidth="1"/>
    <col min="4098" max="4098" width="15.33203125" customWidth="1"/>
    <col min="4099" max="4099" width="11.88671875" bestFit="1" customWidth="1"/>
    <col min="4100" max="4100" width="5.44140625" bestFit="1" customWidth="1"/>
    <col min="4101" max="4101" width="8.88671875" bestFit="1" customWidth="1"/>
    <col min="4350" max="4350" width="15.109375" customWidth="1"/>
    <col min="4351" max="4351" width="17.88671875" customWidth="1"/>
    <col min="4352" max="4352" width="12.21875" customWidth="1"/>
    <col min="4353" max="4353" width="13.21875" customWidth="1"/>
    <col min="4354" max="4354" width="15.33203125" customWidth="1"/>
    <col min="4355" max="4355" width="11.88671875" bestFit="1" customWidth="1"/>
    <col min="4356" max="4356" width="5.44140625" bestFit="1" customWidth="1"/>
    <col min="4357" max="4357" width="8.88671875" bestFit="1" customWidth="1"/>
    <col min="4606" max="4606" width="15.109375" customWidth="1"/>
    <col min="4607" max="4607" width="17.88671875" customWidth="1"/>
    <col min="4608" max="4608" width="12.21875" customWidth="1"/>
    <col min="4609" max="4609" width="13.21875" customWidth="1"/>
    <col min="4610" max="4610" width="15.33203125" customWidth="1"/>
    <col min="4611" max="4611" width="11.88671875" bestFit="1" customWidth="1"/>
    <col min="4612" max="4612" width="5.44140625" bestFit="1" customWidth="1"/>
    <col min="4613" max="4613" width="8.88671875" bestFit="1" customWidth="1"/>
    <col min="4862" max="4862" width="15.109375" customWidth="1"/>
    <col min="4863" max="4863" width="17.88671875" customWidth="1"/>
    <col min="4864" max="4864" width="12.21875" customWidth="1"/>
    <col min="4865" max="4865" width="13.21875" customWidth="1"/>
    <col min="4866" max="4866" width="15.33203125" customWidth="1"/>
    <col min="4867" max="4867" width="11.88671875" bestFit="1" customWidth="1"/>
    <col min="4868" max="4868" width="5.44140625" bestFit="1" customWidth="1"/>
    <col min="4869" max="4869" width="8.88671875" bestFit="1" customWidth="1"/>
    <col min="5118" max="5118" width="15.109375" customWidth="1"/>
    <col min="5119" max="5119" width="17.88671875" customWidth="1"/>
    <col min="5120" max="5120" width="12.21875" customWidth="1"/>
    <col min="5121" max="5121" width="13.21875" customWidth="1"/>
    <col min="5122" max="5122" width="15.33203125" customWidth="1"/>
    <col min="5123" max="5123" width="11.88671875" bestFit="1" customWidth="1"/>
    <col min="5124" max="5124" width="5.44140625" bestFit="1" customWidth="1"/>
    <col min="5125" max="5125" width="8.88671875" bestFit="1" customWidth="1"/>
    <col min="5374" max="5374" width="15.109375" customWidth="1"/>
    <col min="5375" max="5375" width="17.88671875" customWidth="1"/>
    <col min="5376" max="5376" width="12.21875" customWidth="1"/>
    <col min="5377" max="5377" width="13.21875" customWidth="1"/>
    <col min="5378" max="5378" width="15.33203125" customWidth="1"/>
    <col min="5379" max="5379" width="11.88671875" bestFit="1" customWidth="1"/>
    <col min="5380" max="5380" width="5.44140625" bestFit="1" customWidth="1"/>
    <col min="5381" max="5381" width="8.88671875" bestFit="1" customWidth="1"/>
    <col min="5630" max="5630" width="15.109375" customWidth="1"/>
    <col min="5631" max="5631" width="17.88671875" customWidth="1"/>
    <col min="5632" max="5632" width="12.21875" customWidth="1"/>
    <col min="5633" max="5633" width="13.21875" customWidth="1"/>
    <col min="5634" max="5634" width="15.33203125" customWidth="1"/>
    <col min="5635" max="5635" width="11.88671875" bestFit="1" customWidth="1"/>
    <col min="5636" max="5636" width="5.44140625" bestFit="1" customWidth="1"/>
    <col min="5637" max="5637" width="8.88671875" bestFit="1" customWidth="1"/>
    <col min="5886" max="5886" width="15.109375" customWidth="1"/>
    <col min="5887" max="5887" width="17.88671875" customWidth="1"/>
    <col min="5888" max="5888" width="12.21875" customWidth="1"/>
    <col min="5889" max="5889" width="13.21875" customWidth="1"/>
    <col min="5890" max="5890" width="15.33203125" customWidth="1"/>
    <col min="5891" max="5891" width="11.88671875" bestFit="1" customWidth="1"/>
    <col min="5892" max="5892" width="5.44140625" bestFit="1" customWidth="1"/>
    <col min="5893" max="5893" width="8.88671875" bestFit="1" customWidth="1"/>
    <col min="6142" max="6142" width="15.109375" customWidth="1"/>
    <col min="6143" max="6143" width="17.88671875" customWidth="1"/>
    <col min="6144" max="6144" width="12.21875" customWidth="1"/>
    <col min="6145" max="6145" width="13.21875" customWidth="1"/>
    <col min="6146" max="6146" width="15.33203125" customWidth="1"/>
    <col min="6147" max="6147" width="11.88671875" bestFit="1" customWidth="1"/>
    <col min="6148" max="6148" width="5.44140625" bestFit="1" customWidth="1"/>
    <col min="6149" max="6149" width="8.88671875" bestFit="1" customWidth="1"/>
    <col min="6398" max="6398" width="15.109375" customWidth="1"/>
    <col min="6399" max="6399" width="17.88671875" customWidth="1"/>
    <col min="6400" max="6400" width="12.21875" customWidth="1"/>
    <col min="6401" max="6401" width="13.21875" customWidth="1"/>
    <col min="6402" max="6402" width="15.33203125" customWidth="1"/>
    <col min="6403" max="6403" width="11.88671875" bestFit="1" customWidth="1"/>
    <col min="6404" max="6404" width="5.44140625" bestFit="1" customWidth="1"/>
    <col min="6405" max="6405" width="8.88671875" bestFit="1" customWidth="1"/>
    <col min="6654" max="6654" width="15.109375" customWidth="1"/>
    <col min="6655" max="6655" width="17.88671875" customWidth="1"/>
    <col min="6656" max="6656" width="12.21875" customWidth="1"/>
    <col min="6657" max="6657" width="13.21875" customWidth="1"/>
    <col min="6658" max="6658" width="15.33203125" customWidth="1"/>
    <col min="6659" max="6659" width="11.88671875" bestFit="1" customWidth="1"/>
    <col min="6660" max="6660" width="5.44140625" bestFit="1" customWidth="1"/>
    <col min="6661" max="6661" width="8.88671875" bestFit="1" customWidth="1"/>
    <col min="6910" max="6910" width="15.109375" customWidth="1"/>
    <col min="6911" max="6911" width="17.88671875" customWidth="1"/>
    <col min="6912" max="6912" width="12.21875" customWidth="1"/>
    <col min="6913" max="6913" width="13.21875" customWidth="1"/>
    <col min="6914" max="6914" width="15.33203125" customWidth="1"/>
    <col min="6915" max="6915" width="11.88671875" bestFit="1" customWidth="1"/>
    <col min="6916" max="6916" width="5.44140625" bestFit="1" customWidth="1"/>
    <col min="6917" max="6917" width="8.88671875" bestFit="1" customWidth="1"/>
    <col min="7166" max="7166" width="15.109375" customWidth="1"/>
    <col min="7167" max="7167" width="17.88671875" customWidth="1"/>
    <col min="7168" max="7168" width="12.21875" customWidth="1"/>
    <col min="7169" max="7169" width="13.21875" customWidth="1"/>
    <col min="7170" max="7170" width="15.33203125" customWidth="1"/>
    <col min="7171" max="7171" width="11.88671875" bestFit="1" customWidth="1"/>
    <col min="7172" max="7172" width="5.44140625" bestFit="1" customWidth="1"/>
    <col min="7173" max="7173" width="8.88671875" bestFit="1" customWidth="1"/>
    <col min="7422" max="7422" width="15.109375" customWidth="1"/>
    <col min="7423" max="7423" width="17.88671875" customWidth="1"/>
    <col min="7424" max="7424" width="12.21875" customWidth="1"/>
    <col min="7425" max="7425" width="13.21875" customWidth="1"/>
    <col min="7426" max="7426" width="15.33203125" customWidth="1"/>
    <col min="7427" max="7427" width="11.88671875" bestFit="1" customWidth="1"/>
    <col min="7428" max="7428" width="5.44140625" bestFit="1" customWidth="1"/>
    <col min="7429" max="7429" width="8.88671875" bestFit="1" customWidth="1"/>
    <col min="7678" max="7678" width="15.109375" customWidth="1"/>
    <col min="7679" max="7679" width="17.88671875" customWidth="1"/>
    <col min="7680" max="7680" width="12.21875" customWidth="1"/>
    <col min="7681" max="7681" width="13.21875" customWidth="1"/>
    <col min="7682" max="7682" width="15.33203125" customWidth="1"/>
    <col min="7683" max="7683" width="11.88671875" bestFit="1" customWidth="1"/>
    <col min="7684" max="7684" width="5.44140625" bestFit="1" customWidth="1"/>
    <col min="7685" max="7685" width="8.88671875" bestFit="1" customWidth="1"/>
    <col min="7934" max="7934" width="15.109375" customWidth="1"/>
    <col min="7935" max="7935" width="17.88671875" customWidth="1"/>
    <col min="7936" max="7936" width="12.21875" customWidth="1"/>
    <col min="7937" max="7937" width="13.21875" customWidth="1"/>
    <col min="7938" max="7938" width="15.33203125" customWidth="1"/>
    <col min="7939" max="7939" width="11.88671875" bestFit="1" customWidth="1"/>
    <col min="7940" max="7940" width="5.44140625" bestFit="1" customWidth="1"/>
    <col min="7941" max="7941" width="8.88671875" bestFit="1" customWidth="1"/>
    <col min="8190" max="8190" width="15.109375" customWidth="1"/>
    <col min="8191" max="8191" width="17.88671875" customWidth="1"/>
    <col min="8192" max="8192" width="12.21875" customWidth="1"/>
    <col min="8193" max="8193" width="13.21875" customWidth="1"/>
    <col min="8194" max="8194" width="15.33203125" customWidth="1"/>
    <col min="8195" max="8195" width="11.88671875" bestFit="1" customWidth="1"/>
    <col min="8196" max="8196" width="5.44140625" bestFit="1" customWidth="1"/>
    <col min="8197" max="8197" width="8.88671875" bestFit="1" customWidth="1"/>
    <col min="8446" max="8446" width="15.109375" customWidth="1"/>
    <col min="8447" max="8447" width="17.88671875" customWidth="1"/>
    <col min="8448" max="8448" width="12.21875" customWidth="1"/>
    <col min="8449" max="8449" width="13.21875" customWidth="1"/>
    <col min="8450" max="8450" width="15.33203125" customWidth="1"/>
    <col min="8451" max="8451" width="11.88671875" bestFit="1" customWidth="1"/>
    <col min="8452" max="8452" width="5.44140625" bestFit="1" customWidth="1"/>
    <col min="8453" max="8453" width="8.88671875" bestFit="1" customWidth="1"/>
    <col min="8702" max="8702" width="15.109375" customWidth="1"/>
    <col min="8703" max="8703" width="17.88671875" customWidth="1"/>
    <col min="8704" max="8704" width="12.21875" customWidth="1"/>
    <col min="8705" max="8705" width="13.21875" customWidth="1"/>
    <col min="8706" max="8706" width="15.33203125" customWidth="1"/>
    <col min="8707" max="8707" width="11.88671875" bestFit="1" customWidth="1"/>
    <col min="8708" max="8708" width="5.44140625" bestFit="1" customWidth="1"/>
    <col min="8709" max="8709" width="8.88671875" bestFit="1" customWidth="1"/>
    <col min="8958" max="8958" width="15.109375" customWidth="1"/>
    <col min="8959" max="8959" width="17.88671875" customWidth="1"/>
    <col min="8960" max="8960" width="12.21875" customWidth="1"/>
    <col min="8961" max="8961" width="13.21875" customWidth="1"/>
    <col min="8962" max="8962" width="15.33203125" customWidth="1"/>
    <col min="8963" max="8963" width="11.88671875" bestFit="1" customWidth="1"/>
    <col min="8964" max="8964" width="5.44140625" bestFit="1" customWidth="1"/>
    <col min="8965" max="8965" width="8.88671875" bestFit="1" customWidth="1"/>
    <col min="9214" max="9214" width="15.109375" customWidth="1"/>
    <col min="9215" max="9215" width="17.88671875" customWidth="1"/>
    <col min="9216" max="9216" width="12.21875" customWidth="1"/>
    <col min="9217" max="9217" width="13.21875" customWidth="1"/>
    <col min="9218" max="9218" width="15.33203125" customWidth="1"/>
    <col min="9219" max="9219" width="11.88671875" bestFit="1" customWidth="1"/>
    <col min="9220" max="9220" width="5.44140625" bestFit="1" customWidth="1"/>
    <col min="9221" max="9221" width="8.88671875" bestFit="1" customWidth="1"/>
    <col min="9470" max="9470" width="15.109375" customWidth="1"/>
    <col min="9471" max="9471" width="17.88671875" customWidth="1"/>
    <col min="9472" max="9472" width="12.21875" customWidth="1"/>
    <col min="9473" max="9473" width="13.21875" customWidth="1"/>
    <col min="9474" max="9474" width="15.33203125" customWidth="1"/>
    <col min="9475" max="9475" width="11.88671875" bestFit="1" customWidth="1"/>
    <col min="9476" max="9476" width="5.44140625" bestFit="1" customWidth="1"/>
    <col min="9477" max="9477" width="8.88671875" bestFit="1" customWidth="1"/>
    <col min="9726" max="9726" width="15.109375" customWidth="1"/>
    <col min="9727" max="9727" width="17.88671875" customWidth="1"/>
    <col min="9728" max="9728" width="12.21875" customWidth="1"/>
    <col min="9729" max="9729" width="13.21875" customWidth="1"/>
    <col min="9730" max="9730" width="15.33203125" customWidth="1"/>
    <col min="9731" max="9731" width="11.88671875" bestFit="1" customWidth="1"/>
    <col min="9732" max="9732" width="5.44140625" bestFit="1" customWidth="1"/>
    <col min="9733" max="9733" width="8.88671875" bestFit="1" customWidth="1"/>
    <col min="9982" max="9982" width="15.109375" customWidth="1"/>
    <col min="9983" max="9983" width="17.88671875" customWidth="1"/>
    <col min="9984" max="9984" width="12.21875" customWidth="1"/>
    <col min="9985" max="9985" width="13.21875" customWidth="1"/>
    <col min="9986" max="9986" width="15.33203125" customWidth="1"/>
    <col min="9987" max="9987" width="11.88671875" bestFit="1" customWidth="1"/>
    <col min="9988" max="9988" width="5.44140625" bestFit="1" customWidth="1"/>
    <col min="9989" max="9989" width="8.88671875" bestFit="1" customWidth="1"/>
    <col min="10238" max="10238" width="15.109375" customWidth="1"/>
    <col min="10239" max="10239" width="17.88671875" customWidth="1"/>
    <col min="10240" max="10240" width="12.21875" customWidth="1"/>
    <col min="10241" max="10241" width="13.21875" customWidth="1"/>
    <col min="10242" max="10242" width="15.33203125" customWidth="1"/>
    <col min="10243" max="10243" width="11.88671875" bestFit="1" customWidth="1"/>
    <col min="10244" max="10244" width="5.44140625" bestFit="1" customWidth="1"/>
    <col min="10245" max="10245" width="8.88671875" bestFit="1" customWidth="1"/>
    <col min="10494" max="10494" width="15.109375" customWidth="1"/>
    <col min="10495" max="10495" width="17.88671875" customWidth="1"/>
    <col min="10496" max="10496" width="12.21875" customWidth="1"/>
    <col min="10497" max="10497" width="13.21875" customWidth="1"/>
    <col min="10498" max="10498" width="15.33203125" customWidth="1"/>
    <col min="10499" max="10499" width="11.88671875" bestFit="1" customWidth="1"/>
    <col min="10500" max="10500" width="5.44140625" bestFit="1" customWidth="1"/>
    <col min="10501" max="10501" width="8.88671875" bestFit="1" customWidth="1"/>
    <col min="10750" max="10750" width="15.109375" customWidth="1"/>
    <col min="10751" max="10751" width="17.88671875" customWidth="1"/>
    <col min="10752" max="10752" width="12.21875" customWidth="1"/>
    <col min="10753" max="10753" width="13.21875" customWidth="1"/>
    <col min="10754" max="10754" width="15.33203125" customWidth="1"/>
    <col min="10755" max="10755" width="11.88671875" bestFit="1" customWidth="1"/>
    <col min="10756" max="10756" width="5.44140625" bestFit="1" customWidth="1"/>
    <col min="10757" max="10757" width="8.88671875" bestFit="1" customWidth="1"/>
    <col min="11006" max="11006" width="15.109375" customWidth="1"/>
    <col min="11007" max="11007" width="17.88671875" customWidth="1"/>
    <col min="11008" max="11008" width="12.21875" customWidth="1"/>
    <col min="11009" max="11009" width="13.21875" customWidth="1"/>
    <col min="11010" max="11010" width="15.33203125" customWidth="1"/>
    <col min="11011" max="11011" width="11.88671875" bestFit="1" customWidth="1"/>
    <col min="11012" max="11012" width="5.44140625" bestFit="1" customWidth="1"/>
    <col min="11013" max="11013" width="8.88671875" bestFit="1" customWidth="1"/>
    <col min="11262" max="11262" width="15.109375" customWidth="1"/>
    <col min="11263" max="11263" width="17.88671875" customWidth="1"/>
    <col min="11264" max="11264" width="12.21875" customWidth="1"/>
    <col min="11265" max="11265" width="13.21875" customWidth="1"/>
    <col min="11266" max="11266" width="15.33203125" customWidth="1"/>
    <col min="11267" max="11267" width="11.88671875" bestFit="1" customWidth="1"/>
    <col min="11268" max="11268" width="5.44140625" bestFit="1" customWidth="1"/>
    <col min="11269" max="11269" width="8.88671875" bestFit="1" customWidth="1"/>
    <col min="11518" max="11518" width="15.109375" customWidth="1"/>
    <col min="11519" max="11519" width="17.88671875" customWidth="1"/>
    <col min="11520" max="11520" width="12.21875" customWidth="1"/>
    <col min="11521" max="11521" width="13.21875" customWidth="1"/>
    <col min="11522" max="11522" width="15.33203125" customWidth="1"/>
    <col min="11523" max="11523" width="11.88671875" bestFit="1" customWidth="1"/>
    <col min="11524" max="11524" width="5.44140625" bestFit="1" customWidth="1"/>
    <col min="11525" max="11525" width="8.88671875" bestFit="1" customWidth="1"/>
    <col min="11774" max="11774" width="15.109375" customWidth="1"/>
    <col min="11775" max="11775" width="17.88671875" customWidth="1"/>
    <col min="11776" max="11776" width="12.21875" customWidth="1"/>
    <col min="11777" max="11777" width="13.21875" customWidth="1"/>
    <col min="11778" max="11778" width="15.33203125" customWidth="1"/>
    <col min="11779" max="11779" width="11.88671875" bestFit="1" customWidth="1"/>
    <col min="11780" max="11780" width="5.44140625" bestFit="1" customWidth="1"/>
    <col min="11781" max="11781" width="8.88671875" bestFit="1" customWidth="1"/>
    <col min="12030" max="12030" width="15.109375" customWidth="1"/>
    <col min="12031" max="12031" width="17.88671875" customWidth="1"/>
    <col min="12032" max="12032" width="12.21875" customWidth="1"/>
    <col min="12033" max="12033" width="13.21875" customWidth="1"/>
    <col min="12034" max="12034" width="15.33203125" customWidth="1"/>
    <col min="12035" max="12035" width="11.88671875" bestFit="1" customWidth="1"/>
    <col min="12036" max="12036" width="5.44140625" bestFit="1" customWidth="1"/>
    <col min="12037" max="12037" width="8.88671875" bestFit="1" customWidth="1"/>
    <col min="12286" max="12286" width="15.109375" customWidth="1"/>
    <col min="12287" max="12287" width="17.88671875" customWidth="1"/>
    <col min="12288" max="12288" width="12.21875" customWidth="1"/>
    <col min="12289" max="12289" width="13.21875" customWidth="1"/>
    <col min="12290" max="12290" width="15.33203125" customWidth="1"/>
    <col min="12291" max="12291" width="11.88671875" bestFit="1" customWidth="1"/>
    <col min="12292" max="12292" width="5.44140625" bestFit="1" customWidth="1"/>
    <col min="12293" max="12293" width="8.88671875" bestFit="1" customWidth="1"/>
    <col min="12542" max="12542" width="15.109375" customWidth="1"/>
    <col min="12543" max="12543" width="17.88671875" customWidth="1"/>
    <col min="12544" max="12544" width="12.21875" customWidth="1"/>
    <col min="12545" max="12545" width="13.21875" customWidth="1"/>
    <col min="12546" max="12546" width="15.33203125" customWidth="1"/>
    <col min="12547" max="12547" width="11.88671875" bestFit="1" customWidth="1"/>
    <col min="12548" max="12548" width="5.44140625" bestFit="1" customWidth="1"/>
    <col min="12549" max="12549" width="8.88671875" bestFit="1" customWidth="1"/>
    <col min="12798" max="12798" width="15.109375" customWidth="1"/>
    <col min="12799" max="12799" width="17.88671875" customWidth="1"/>
    <col min="12800" max="12800" width="12.21875" customWidth="1"/>
    <col min="12801" max="12801" width="13.21875" customWidth="1"/>
    <col min="12802" max="12802" width="15.33203125" customWidth="1"/>
    <col min="12803" max="12803" width="11.88671875" bestFit="1" customWidth="1"/>
    <col min="12804" max="12804" width="5.44140625" bestFit="1" customWidth="1"/>
    <col min="12805" max="12805" width="8.88671875" bestFit="1" customWidth="1"/>
    <col min="13054" max="13054" width="15.109375" customWidth="1"/>
    <col min="13055" max="13055" width="17.88671875" customWidth="1"/>
    <col min="13056" max="13056" width="12.21875" customWidth="1"/>
    <col min="13057" max="13057" width="13.21875" customWidth="1"/>
    <col min="13058" max="13058" width="15.33203125" customWidth="1"/>
    <col min="13059" max="13059" width="11.88671875" bestFit="1" customWidth="1"/>
    <col min="13060" max="13060" width="5.44140625" bestFit="1" customWidth="1"/>
    <col min="13061" max="13061" width="8.88671875" bestFit="1" customWidth="1"/>
    <col min="13310" max="13310" width="15.109375" customWidth="1"/>
    <col min="13311" max="13311" width="17.88671875" customWidth="1"/>
    <col min="13312" max="13312" width="12.21875" customWidth="1"/>
    <col min="13313" max="13313" width="13.21875" customWidth="1"/>
    <col min="13314" max="13314" width="15.33203125" customWidth="1"/>
    <col min="13315" max="13315" width="11.88671875" bestFit="1" customWidth="1"/>
    <col min="13316" max="13316" width="5.44140625" bestFit="1" customWidth="1"/>
    <col min="13317" max="13317" width="8.88671875" bestFit="1" customWidth="1"/>
    <col min="13566" max="13566" width="15.109375" customWidth="1"/>
    <col min="13567" max="13567" width="17.88671875" customWidth="1"/>
    <col min="13568" max="13568" width="12.21875" customWidth="1"/>
    <col min="13569" max="13569" width="13.21875" customWidth="1"/>
    <col min="13570" max="13570" width="15.33203125" customWidth="1"/>
    <col min="13571" max="13571" width="11.88671875" bestFit="1" customWidth="1"/>
    <col min="13572" max="13572" width="5.44140625" bestFit="1" customWidth="1"/>
    <col min="13573" max="13573" width="8.88671875" bestFit="1" customWidth="1"/>
    <col min="13822" max="13822" width="15.109375" customWidth="1"/>
    <col min="13823" max="13823" width="17.88671875" customWidth="1"/>
    <col min="13824" max="13824" width="12.21875" customWidth="1"/>
    <col min="13825" max="13825" width="13.21875" customWidth="1"/>
    <col min="13826" max="13826" width="15.33203125" customWidth="1"/>
    <col min="13827" max="13827" width="11.88671875" bestFit="1" customWidth="1"/>
    <col min="13828" max="13828" width="5.44140625" bestFit="1" customWidth="1"/>
    <col min="13829" max="13829" width="8.88671875" bestFit="1" customWidth="1"/>
    <col min="14078" max="14078" width="15.109375" customWidth="1"/>
    <col min="14079" max="14079" width="17.88671875" customWidth="1"/>
    <col min="14080" max="14080" width="12.21875" customWidth="1"/>
    <col min="14081" max="14081" width="13.21875" customWidth="1"/>
    <col min="14082" max="14082" width="15.33203125" customWidth="1"/>
    <col min="14083" max="14083" width="11.88671875" bestFit="1" customWidth="1"/>
    <col min="14084" max="14084" width="5.44140625" bestFit="1" customWidth="1"/>
    <col min="14085" max="14085" width="8.88671875" bestFit="1" customWidth="1"/>
    <col min="14334" max="14334" width="15.109375" customWidth="1"/>
    <col min="14335" max="14335" width="17.88671875" customWidth="1"/>
    <col min="14336" max="14336" width="12.21875" customWidth="1"/>
    <col min="14337" max="14337" width="13.21875" customWidth="1"/>
    <col min="14338" max="14338" width="15.33203125" customWidth="1"/>
    <col min="14339" max="14339" width="11.88671875" bestFit="1" customWidth="1"/>
    <col min="14340" max="14340" width="5.44140625" bestFit="1" customWidth="1"/>
    <col min="14341" max="14341" width="8.88671875" bestFit="1" customWidth="1"/>
    <col min="14590" max="14590" width="15.109375" customWidth="1"/>
    <col min="14591" max="14591" width="17.88671875" customWidth="1"/>
    <col min="14592" max="14592" width="12.21875" customWidth="1"/>
    <col min="14593" max="14593" width="13.21875" customWidth="1"/>
    <col min="14594" max="14594" width="15.33203125" customWidth="1"/>
    <col min="14595" max="14595" width="11.88671875" bestFit="1" customWidth="1"/>
    <col min="14596" max="14596" width="5.44140625" bestFit="1" customWidth="1"/>
    <col min="14597" max="14597" width="8.88671875" bestFit="1" customWidth="1"/>
    <col min="14846" max="14846" width="15.109375" customWidth="1"/>
    <col min="14847" max="14847" width="17.88671875" customWidth="1"/>
    <col min="14848" max="14848" width="12.21875" customWidth="1"/>
    <col min="14849" max="14849" width="13.21875" customWidth="1"/>
    <col min="14850" max="14850" width="15.33203125" customWidth="1"/>
    <col min="14851" max="14851" width="11.88671875" bestFit="1" customWidth="1"/>
    <col min="14852" max="14852" width="5.44140625" bestFit="1" customWidth="1"/>
    <col min="14853" max="14853" width="8.88671875" bestFit="1" customWidth="1"/>
    <col min="15102" max="15102" width="15.109375" customWidth="1"/>
    <col min="15103" max="15103" width="17.88671875" customWidth="1"/>
    <col min="15104" max="15104" width="12.21875" customWidth="1"/>
    <col min="15105" max="15105" width="13.21875" customWidth="1"/>
    <col min="15106" max="15106" width="15.33203125" customWidth="1"/>
    <col min="15107" max="15107" width="11.88671875" bestFit="1" customWidth="1"/>
    <col min="15108" max="15108" width="5.44140625" bestFit="1" customWidth="1"/>
    <col min="15109" max="15109" width="8.88671875" bestFit="1" customWidth="1"/>
    <col min="15358" max="15358" width="15.109375" customWidth="1"/>
    <col min="15359" max="15359" width="17.88671875" customWidth="1"/>
    <col min="15360" max="15360" width="12.21875" customWidth="1"/>
    <col min="15361" max="15361" width="13.21875" customWidth="1"/>
    <col min="15362" max="15362" width="15.33203125" customWidth="1"/>
    <col min="15363" max="15363" width="11.88671875" bestFit="1" customWidth="1"/>
    <col min="15364" max="15364" width="5.44140625" bestFit="1" customWidth="1"/>
    <col min="15365" max="15365" width="8.88671875" bestFit="1" customWidth="1"/>
    <col min="15614" max="15614" width="15.109375" customWidth="1"/>
    <col min="15615" max="15615" width="17.88671875" customWidth="1"/>
    <col min="15616" max="15616" width="12.21875" customWidth="1"/>
    <col min="15617" max="15617" width="13.21875" customWidth="1"/>
    <col min="15618" max="15618" width="15.33203125" customWidth="1"/>
    <col min="15619" max="15619" width="11.88671875" bestFit="1" customWidth="1"/>
    <col min="15620" max="15620" width="5.44140625" bestFit="1" customWidth="1"/>
    <col min="15621" max="15621" width="8.88671875" bestFit="1" customWidth="1"/>
    <col min="15870" max="15870" width="15.109375" customWidth="1"/>
    <col min="15871" max="15871" width="17.88671875" customWidth="1"/>
    <col min="15872" max="15872" width="12.21875" customWidth="1"/>
    <col min="15873" max="15873" width="13.21875" customWidth="1"/>
    <col min="15874" max="15874" width="15.33203125" customWidth="1"/>
    <col min="15875" max="15875" width="11.88671875" bestFit="1" customWidth="1"/>
    <col min="15876" max="15876" width="5.44140625" bestFit="1" customWidth="1"/>
    <col min="15877" max="15877" width="8.88671875" bestFit="1" customWidth="1"/>
    <col min="16126" max="16126" width="15.109375" customWidth="1"/>
    <col min="16127" max="16127" width="17.88671875" customWidth="1"/>
    <col min="16128" max="16128" width="12.21875" customWidth="1"/>
    <col min="16129" max="16129" width="13.21875" customWidth="1"/>
    <col min="16130" max="16130" width="15.33203125" customWidth="1"/>
    <col min="16131" max="16131" width="11.88671875" bestFit="1" customWidth="1"/>
    <col min="16132" max="16132" width="5.44140625" bestFit="1" customWidth="1"/>
    <col min="16133" max="16133" width="8.88671875" bestFit="1" customWidth="1"/>
  </cols>
  <sheetData>
    <row r="1" spans="1:8" ht="30" customHeight="1" x14ac:dyDescent="0.2">
      <c r="A1" s="139" t="s">
        <v>699</v>
      </c>
      <c r="B1" s="139"/>
      <c r="C1" s="139"/>
      <c r="D1" s="139"/>
      <c r="E1" s="139"/>
      <c r="F1" s="139"/>
      <c r="G1" s="139"/>
    </row>
    <row r="2" spans="1:8" ht="30" customHeight="1" x14ac:dyDescent="0.2">
      <c r="A2" s="3" t="s">
        <v>0</v>
      </c>
      <c r="B2" s="3" t="s">
        <v>1</v>
      </c>
      <c r="C2" s="3" t="s">
        <v>2</v>
      </c>
      <c r="D2" s="2" t="s">
        <v>3</v>
      </c>
      <c r="E2" s="2" t="s">
        <v>4</v>
      </c>
      <c r="F2" s="2" t="s">
        <v>5</v>
      </c>
      <c r="G2" s="80" t="s">
        <v>34</v>
      </c>
    </row>
    <row r="3" spans="1:8" ht="30" customHeight="1" x14ac:dyDescent="0.2">
      <c r="A3" s="67" t="s">
        <v>43</v>
      </c>
      <c r="B3" s="64" t="s">
        <v>143</v>
      </c>
      <c r="C3" s="20" t="s">
        <v>700</v>
      </c>
      <c r="D3" s="20" t="s">
        <v>35</v>
      </c>
      <c r="E3" s="6" t="s">
        <v>477</v>
      </c>
      <c r="F3" s="53" t="s">
        <v>32</v>
      </c>
      <c r="G3" s="24">
        <v>2592</v>
      </c>
    </row>
    <row r="4" spans="1:8" ht="30" customHeight="1" x14ac:dyDescent="0.2">
      <c r="A4" s="67" t="s">
        <v>43</v>
      </c>
      <c r="B4" s="64" t="s">
        <v>143</v>
      </c>
      <c r="C4" s="20" t="s">
        <v>700</v>
      </c>
      <c r="D4" s="20" t="s">
        <v>35</v>
      </c>
      <c r="E4" s="6" t="s">
        <v>701</v>
      </c>
      <c r="F4" s="53" t="s">
        <v>32</v>
      </c>
      <c r="G4" s="24">
        <v>817.56</v>
      </c>
    </row>
    <row r="5" spans="1:8" ht="30" customHeight="1" x14ac:dyDescent="0.2">
      <c r="A5" s="67" t="s">
        <v>43</v>
      </c>
      <c r="B5" s="76" t="s">
        <v>471</v>
      </c>
      <c r="C5" s="20" t="s">
        <v>702</v>
      </c>
      <c r="D5" s="20" t="s">
        <v>35</v>
      </c>
      <c r="E5" s="6" t="s">
        <v>477</v>
      </c>
      <c r="F5" s="53" t="s">
        <v>109</v>
      </c>
      <c r="G5" s="24">
        <v>3780</v>
      </c>
    </row>
    <row r="6" spans="1:8" ht="26.25" customHeight="1" x14ac:dyDescent="0.2">
      <c r="A6" s="67" t="s">
        <v>43</v>
      </c>
      <c r="B6" s="76" t="s">
        <v>471</v>
      </c>
      <c r="C6" s="20" t="s">
        <v>702</v>
      </c>
      <c r="D6" s="20" t="s">
        <v>35</v>
      </c>
      <c r="E6" s="66" t="s">
        <v>703</v>
      </c>
      <c r="F6" s="53" t="s">
        <v>109</v>
      </c>
      <c r="G6" s="24">
        <v>486</v>
      </c>
    </row>
    <row r="7" spans="1:8" ht="30" customHeight="1" x14ac:dyDescent="0.2">
      <c r="A7" s="67" t="s">
        <v>43</v>
      </c>
      <c r="B7" s="64" t="s">
        <v>179</v>
      </c>
      <c r="C7" s="20" t="s">
        <v>618</v>
      </c>
      <c r="D7" s="20" t="s">
        <v>704</v>
      </c>
      <c r="E7" s="6" t="s">
        <v>258</v>
      </c>
      <c r="F7" s="53" t="s">
        <v>32</v>
      </c>
      <c r="G7" s="24">
        <v>205.2</v>
      </c>
    </row>
    <row r="8" spans="1:8" ht="30" customHeight="1" x14ac:dyDescent="0.2">
      <c r="A8" s="67" t="s">
        <v>43</v>
      </c>
      <c r="B8" s="64" t="s">
        <v>572</v>
      </c>
      <c r="C8" s="20" t="s">
        <v>619</v>
      </c>
      <c r="D8" s="20" t="s">
        <v>705</v>
      </c>
      <c r="E8" s="6" t="s">
        <v>477</v>
      </c>
      <c r="F8" s="53" t="s">
        <v>32</v>
      </c>
      <c r="G8" s="24">
        <v>324</v>
      </c>
    </row>
    <row r="9" spans="1:8" ht="30" customHeight="1" x14ac:dyDescent="0.2">
      <c r="A9" s="67" t="s">
        <v>43</v>
      </c>
      <c r="B9" s="64" t="s">
        <v>573</v>
      </c>
      <c r="C9" s="20" t="s">
        <v>619</v>
      </c>
      <c r="D9" s="20" t="s">
        <v>706</v>
      </c>
      <c r="E9" s="6" t="s">
        <v>604</v>
      </c>
      <c r="F9" s="53" t="s">
        <v>32</v>
      </c>
      <c r="G9" s="24">
        <v>324</v>
      </c>
    </row>
    <row r="10" spans="1:8" ht="25.5" customHeight="1" x14ac:dyDescent="0.2">
      <c r="A10" s="67" t="s">
        <v>43</v>
      </c>
      <c r="B10" s="64" t="s">
        <v>149</v>
      </c>
      <c r="C10" s="20" t="s">
        <v>620</v>
      </c>
      <c r="D10" s="20" t="s">
        <v>707</v>
      </c>
      <c r="E10" s="6" t="s">
        <v>102</v>
      </c>
      <c r="F10" s="53" t="s">
        <v>33</v>
      </c>
      <c r="G10" s="24">
        <v>116.64</v>
      </c>
      <c r="H10" s="81"/>
    </row>
    <row r="11" spans="1:8" s="13" customFormat="1" ht="27" customHeight="1" x14ac:dyDescent="0.2">
      <c r="A11" s="67" t="s">
        <v>43</v>
      </c>
      <c r="B11" s="64" t="s">
        <v>149</v>
      </c>
      <c r="C11" s="20" t="s">
        <v>620</v>
      </c>
      <c r="D11" s="20" t="s">
        <v>707</v>
      </c>
      <c r="E11" s="6" t="s">
        <v>243</v>
      </c>
      <c r="F11" s="53" t="s">
        <v>33</v>
      </c>
      <c r="G11" s="24">
        <v>523.79999999999995</v>
      </c>
    </row>
    <row r="12" spans="1:8" ht="30" customHeight="1" x14ac:dyDescent="0.2">
      <c r="A12" s="67" t="s">
        <v>43</v>
      </c>
      <c r="B12" s="64" t="s">
        <v>238</v>
      </c>
      <c r="C12" s="20" t="s">
        <v>708</v>
      </c>
      <c r="D12" s="20" t="s">
        <v>709</v>
      </c>
      <c r="E12" s="6" t="s">
        <v>477</v>
      </c>
      <c r="F12" s="53" t="s">
        <v>32</v>
      </c>
      <c r="G12" s="24">
        <v>318.60000000000002</v>
      </c>
    </row>
    <row r="13" spans="1:8" ht="27" customHeight="1" x14ac:dyDescent="0.2">
      <c r="A13" s="67" t="s">
        <v>43</v>
      </c>
      <c r="B13" s="64" t="s">
        <v>78</v>
      </c>
      <c r="C13" s="20" t="s">
        <v>710</v>
      </c>
      <c r="D13" s="20" t="s">
        <v>711</v>
      </c>
      <c r="E13" s="6"/>
      <c r="F13" s="53" t="s">
        <v>31</v>
      </c>
      <c r="G13" s="24">
        <v>1544.4</v>
      </c>
    </row>
    <row r="14" spans="1:8" s="13" customFormat="1" ht="30" customHeight="1" x14ac:dyDescent="0.2">
      <c r="A14" s="67" t="s">
        <v>43</v>
      </c>
      <c r="B14" s="64" t="s">
        <v>239</v>
      </c>
      <c r="C14" s="20" t="s">
        <v>39</v>
      </c>
      <c r="D14" s="20" t="s">
        <v>260</v>
      </c>
      <c r="E14" s="12" t="s">
        <v>261</v>
      </c>
      <c r="F14" s="53" t="s">
        <v>32</v>
      </c>
      <c r="G14" s="24">
        <v>136.08000000000001</v>
      </c>
    </row>
    <row r="15" spans="1:8" ht="30" customHeight="1" x14ac:dyDescent="0.2">
      <c r="A15" s="67" t="s">
        <v>43</v>
      </c>
      <c r="B15" s="64" t="s">
        <v>549</v>
      </c>
      <c r="C15" s="20" t="s">
        <v>712</v>
      </c>
      <c r="D15" s="20" t="s">
        <v>713</v>
      </c>
      <c r="E15" s="12" t="s">
        <v>477</v>
      </c>
      <c r="F15" s="53" t="s">
        <v>32</v>
      </c>
      <c r="G15" s="24">
        <v>869.4</v>
      </c>
    </row>
    <row r="16" spans="1:8" ht="30" customHeight="1" x14ac:dyDescent="0.2">
      <c r="A16" s="67" t="s">
        <v>43</v>
      </c>
      <c r="B16" s="64" t="s">
        <v>549</v>
      </c>
      <c r="C16" s="20" t="s">
        <v>712</v>
      </c>
      <c r="D16" s="20" t="s">
        <v>713</v>
      </c>
      <c r="E16" s="12" t="s">
        <v>714</v>
      </c>
      <c r="F16" s="53" t="s">
        <v>32</v>
      </c>
      <c r="G16" s="24">
        <v>232.4</v>
      </c>
    </row>
    <row r="17" spans="1:7" ht="27.75" customHeight="1" x14ac:dyDescent="0.2">
      <c r="A17" s="67" t="s">
        <v>43</v>
      </c>
      <c r="B17" s="64" t="s">
        <v>520</v>
      </c>
      <c r="C17" s="20" t="s">
        <v>96</v>
      </c>
      <c r="D17" s="20" t="s">
        <v>42</v>
      </c>
      <c r="E17" s="12"/>
      <c r="F17" s="53" t="s">
        <v>31</v>
      </c>
      <c r="G17" s="24">
        <v>1620</v>
      </c>
    </row>
    <row r="18" spans="1:7" s="13" customFormat="1" ht="30" customHeight="1" x14ac:dyDescent="0.2">
      <c r="A18" s="67" t="s">
        <v>43</v>
      </c>
      <c r="B18" s="64" t="s">
        <v>567</v>
      </c>
      <c r="C18" s="20" t="s">
        <v>246</v>
      </c>
      <c r="D18" s="20" t="s">
        <v>40</v>
      </c>
      <c r="E18" s="12" t="s">
        <v>478</v>
      </c>
      <c r="F18" s="53" t="s">
        <v>33</v>
      </c>
      <c r="G18" s="24">
        <v>1620</v>
      </c>
    </row>
    <row r="19" spans="1:7" ht="27" customHeight="1" x14ac:dyDescent="0.2">
      <c r="A19" s="67" t="s">
        <v>43</v>
      </c>
      <c r="B19" s="64" t="s">
        <v>568</v>
      </c>
      <c r="C19" s="20" t="s">
        <v>210</v>
      </c>
      <c r="D19" s="20" t="s">
        <v>74</v>
      </c>
      <c r="E19" s="12"/>
      <c r="F19" s="53" t="s">
        <v>31</v>
      </c>
      <c r="G19" s="24">
        <v>1377</v>
      </c>
    </row>
    <row r="20" spans="1:7" ht="27" customHeight="1" x14ac:dyDescent="0.2">
      <c r="A20" s="67" t="s">
        <v>43</v>
      </c>
      <c r="B20" s="64" t="s">
        <v>569</v>
      </c>
      <c r="C20" s="20" t="s">
        <v>210</v>
      </c>
      <c r="D20" s="20" t="s">
        <v>74</v>
      </c>
      <c r="E20" s="12"/>
      <c r="F20" s="53" t="s">
        <v>31</v>
      </c>
      <c r="G20" s="24">
        <v>1377</v>
      </c>
    </row>
    <row r="21" spans="1:7" ht="30" customHeight="1" x14ac:dyDescent="0.2">
      <c r="A21" s="67" t="s">
        <v>43</v>
      </c>
      <c r="B21" s="64" t="s">
        <v>570</v>
      </c>
      <c r="C21" s="20" t="s">
        <v>210</v>
      </c>
      <c r="D21" s="20" t="s">
        <v>74</v>
      </c>
      <c r="E21" s="12"/>
      <c r="F21" s="53" t="s">
        <v>31</v>
      </c>
      <c r="G21" s="24">
        <v>2187</v>
      </c>
    </row>
    <row r="22" spans="1:7" ht="30" customHeight="1" x14ac:dyDescent="0.2">
      <c r="A22" s="67" t="s">
        <v>43</v>
      </c>
      <c r="B22" s="64" t="s">
        <v>571</v>
      </c>
      <c r="C22" s="20" t="s">
        <v>210</v>
      </c>
      <c r="D22" s="20" t="s">
        <v>74</v>
      </c>
      <c r="E22" s="6"/>
      <c r="F22" s="53" t="s">
        <v>31</v>
      </c>
      <c r="G22" s="24">
        <v>2187</v>
      </c>
    </row>
    <row r="23" spans="1:7" ht="30" customHeight="1" x14ac:dyDescent="0.2">
      <c r="A23" s="67" t="s">
        <v>43</v>
      </c>
      <c r="B23" s="64" t="s">
        <v>145</v>
      </c>
      <c r="C23" s="20" t="s">
        <v>41</v>
      </c>
      <c r="D23" s="20" t="s">
        <v>36</v>
      </c>
      <c r="E23" s="6" t="s">
        <v>108</v>
      </c>
      <c r="F23" s="53" t="s">
        <v>32</v>
      </c>
      <c r="G23" s="24">
        <v>291.60000000000002</v>
      </c>
    </row>
    <row r="24" spans="1:7" ht="30" customHeight="1" x14ac:dyDescent="0.2">
      <c r="A24" s="67" t="s">
        <v>43</v>
      </c>
      <c r="B24" s="64" t="s">
        <v>145</v>
      </c>
      <c r="C24" s="20" t="s">
        <v>41</v>
      </c>
      <c r="D24" s="20" t="s">
        <v>42</v>
      </c>
      <c r="E24" s="20" t="s">
        <v>550</v>
      </c>
      <c r="F24" s="53" t="s">
        <v>602</v>
      </c>
      <c r="G24" s="24">
        <v>3186</v>
      </c>
    </row>
    <row r="25" spans="1:7" ht="30" customHeight="1" x14ac:dyDescent="0.2">
      <c r="A25" s="67" t="s">
        <v>43</v>
      </c>
      <c r="B25" s="64" t="s">
        <v>223</v>
      </c>
      <c r="C25" s="20" t="s">
        <v>41</v>
      </c>
      <c r="D25" s="20" t="s">
        <v>42</v>
      </c>
      <c r="E25" s="20" t="s">
        <v>108</v>
      </c>
      <c r="F25" s="53" t="s">
        <v>32</v>
      </c>
      <c r="G25" s="24">
        <v>1803.6</v>
      </c>
    </row>
    <row r="26" spans="1:7" ht="30" customHeight="1" x14ac:dyDescent="0.2">
      <c r="A26" s="67" t="s">
        <v>43</v>
      </c>
      <c r="B26" s="64" t="s">
        <v>223</v>
      </c>
      <c r="C26" s="20" t="s">
        <v>41</v>
      </c>
      <c r="D26" s="20" t="s">
        <v>42</v>
      </c>
      <c r="E26" s="20" t="s">
        <v>551</v>
      </c>
      <c r="F26" s="53" t="s">
        <v>32</v>
      </c>
      <c r="G26" s="24">
        <v>415.8</v>
      </c>
    </row>
    <row r="27" spans="1:7" ht="30" customHeight="1" x14ac:dyDescent="0.2">
      <c r="A27" s="67" t="s">
        <v>43</v>
      </c>
      <c r="B27" s="64" t="s">
        <v>575</v>
      </c>
      <c r="C27" s="20" t="s">
        <v>623</v>
      </c>
      <c r="D27" s="20" t="s">
        <v>715</v>
      </c>
      <c r="E27" s="6"/>
      <c r="F27" s="53" t="s">
        <v>31</v>
      </c>
      <c r="G27" s="24">
        <v>753.84</v>
      </c>
    </row>
    <row r="28" spans="1:7" ht="30" customHeight="1" x14ac:dyDescent="0.2">
      <c r="A28" s="67" t="s">
        <v>43</v>
      </c>
      <c r="B28" s="64" t="s">
        <v>53</v>
      </c>
      <c r="C28" s="20" t="s">
        <v>292</v>
      </c>
      <c r="D28" s="20" t="s">
        <v>716</v>
      </c>
      <c r="E28" s="6"/>
      <c r="F28" s="53" t="s">
        <v>31</v>
      </c>
      <c r="G28" s="24">
        <v>2278.8000000000002</v>
      </c>
    </row>
    <row r="29" spans="1:7" ht="30" customHeight="1" x14ac:dyDescent="0.2">
      <c r="A29" s="67" t="s">
        <v>43</v>
      </c>
      <c r="B29" s="64" t="s">
        <v>52</v>
      </c>
      <c r="C29" s="20" t="s">
        <v>247</v>
      </c>
      <c r="D29" s="20" t="s">
        <v>42</v>
      </c>
      <c r="E29" s="20"/>
      <c r="F29" s="53" t="s">
        <v>31</v>
      </c>
      <c r="G29" s="24">
        <v>4428</v>
      </c>
    </row>
    <row r="30" spans="1:7" ht="30" customHeight="1" x14ac:dyDescent="0.2">
      <c r="A30" s="67" t="s">
        <v>43</v>
      </c>
      <c r="B30" s="64" t="s">
        <v>80</v>
      </c>
      <c r="C30" s="20" t="s">
        <v>475</v>
      </c>
      <c r="D30" s="20" t="s">
        <v>40</v>
      </c>
      <c r="E30" s="6"/>
      <c r="F30" s="53" t="s">
        <v>31</v>
      </c>
      <c r="G30" s="24">
        <v>297</v>
      </c>
    </row>
    <row r="31" spans="1:7" ht="30" customHeight="1" x14ac:dyDescent="0.2">
      <c r="A31" s="67" t="s">
        <v>43</v>
      </c>
      <c r="B31" s="64" t="s">
        <v>151</v>
      </c>
      <c r="C31" s="20" t="s">
        <v>475</v>
      </c>
      <c r="D31" s="20" t="s">
        <v>40</v>
      </c>
      <c r="E31" s="5" t="s">
        <v>8</v>
      </c>
      <c r="F31" s="53" t="s">
        <v>31</v>
      </c>
      <c r="G31" s="24">
        <v>297</v>
      </c>
    </row>
    <row r="32" spans="1:7" ht="30" customHeight="1" x14ac:dyDescent="0.2">
      <c r="A32" s="67" t="s">
        <v>43</v>
      </c>
      <c r="B32" s="64" t="s">
        <v>225</v>
      </c>
      <c r="C32" s="20" t="s">
        <v>476</v>
      </c>
      <c r="D32" s="20" t="s">
        <v>115</v>
      </c>
      <c r="E32" s="5" t="s">
        <v>8</v>
      </c>
      <c r="F32" s="53" t="s">
        <v>33</v>
      </c>
      <c r="G32" s="24">
        <v>810</v>
      </c>
    </row>
    <row r="33" spans="1:7" ht="30" customHeight="1" x14ac:dyDescent="0.2">
      <c r="A33" s="67" t="s">
        <v>43</v>
      </c>
      <c r="B33" s="64" t="s">
        <v>225</v>
      </c>
      <c r="C33" s="20" t="s">
        <v>476</v>
      </c>
      <c r="D33" s="20" t="s">
        <v>115</v>
      </c>
      <c r="E33" s="66" t="s">
        <v>717</v>
      </c>
      <c r="F33" s="53" t="s">
        <v>33</v>
      </c>
      <c r="G33" s="24">
        <v>2095.1999999999998</v>
      </c>
    </row>
    <row r="34" spans="1:7" ht="30" customHeight="1" x14ac:dyDescent="0.2">
      <c r="A34" s="67" t="s">
        <v>43</v>
      </c>
      <c r="B34" s="64" t="s">
        <v>240</v>
      </c>
      <c r="C34" s="20" t="s">
        <v>152</v>
      </c>
      <c r="D34" s="20" t="s">
        <v>718</v>
      </c>
      <c r="E34" s="6" t="s">
        <v>102</v>
      </c>
      <c r="F34" s="53" t="s">
        <v>31</v>
      </c>
      <c r="G34" s="24">
        <v>1998</v>
      </c>
    </row>
    <row r="35" spans="1:7" ht="27" customHeight="1" x14ac:dyDescent="0.2">
      <c r="A35" s="67" t="s">
        <v>43</v>
      </c>
      <c r="B35" s="64" t="s">
        <v>84</v>
      </c>
      <c r="C35" s="20" t="s">
        <v>616</v>
      </c>
      <c r="D35" s="20" t="s">
        <v>40</v>
      </c>
      <c r="E35" s="6" t="s">
        <v>217</v>
      </c>
      <c r="F35" s="53" t="s">
        <v>33</v>
      </c>
      <c r="G35" s="24">
        <v>939.6</v>
      </c>
    </row>
    <row r="36" spans="1:7" ht="27" customHeight="1" x14ac:dyDescent="0.2">
      <c r="A36" s="67" t="s">
        <v>43</v>
      </c>
      <c r="B36" s="64" t="s">
        <v>175</v>
      </c>
      <c r="C36" s="20" t="s">
        <v>719</v>
      </c>
      <c r="D36" s="20" t="s">
        <v>720</v>
      </c>
      <c r="E36" s="5" t="s">
        <v>8</v>
      </c>
      <c r="F36" s="53" t="s">
        <v>33</v>
      </c>
      <c r="G36" s="24">
        <v>518.4</v>
      </c>
    </row>
    <row r="37" spans="1:7" ht="30" customHeight="1" x14ac:dyDescent="0.2">
      <c r="A37" s="67" t="s">
        <v>43</v>
      </c>
      <c r="B37" s="64" t="s">
        <v>175</v>
      </c>
      <c r="C37" s="20" t="s">
        <v>719</v>
      </c>
      <c r="D37" s="20" t="s">
        <v>720</v>
      </c>
      <c r="E37" s="66" t="s">
        <v>717</v>
      </c>
      <c r="F37" s="53" t="s">
        <v>33</v>
      </c>
      <c r="G37" s="24">
        <v>1464.48</v>
      </c>
    </row>
    <row r="38" spans="1:7" ht="30" customHeight="1" x14ac:dyDescent="0.2">
      <c r="A38" s="67" t="s">
        <v>566</v>
      </c>
      <c r="B38" s="64" t="s">
        <v>221</v>
      </c>
      <c r="C38" s="20" t="s">
        <v>625</v>
      </c>
      <c r="D38" s="20" t="s">
        <v>721</v>
      </c>
      <c r="E38" s="6" t="s">
        <v>605</v>
      </c>
      <c r="F38" s="53" t="s">
        <v>71</v>
      </c>
      <c r="G38" s="24">
        <v>5.4</v>
      </c>
    </row>
    <row r="39" spans="1:7" ht="30" customHeight="1" x14ac:dyDescent="0.2">
      <c r="A39" s="8" t="s">
        <v>43</v>
      </c>
      <c r="B39" s="64" t="s">
        <v>577</v>
      </c>
      <c r="C39" s="20" t="s">
        <v>262</v>
      </c>
      <c r="D39" s="20" t="s">
        <v>36</v>
      </c>
      <c r="E39" s="66" t="s">
        <v>264</v>
      </c>
      <c r="F39" s="53" t="s">
        <v>71</v>
      </c>
      <c r="G39" s="24">
        <v>12.42</v>
      </c>
    </row>
    <row r="40" spans="1:7" ht="27.75" customHeight="1" x14ac:dyDescent="0.2">
      <c r="A40" s="67" t="s">
        <v>43</v>
      </c>
      <c r="B40" s="76" t="s">
        <v>578</v>
      </c>
      <c r="C40" s="20" t="s">
        <v>180</v>
      </c>
      <c r="D40" s="20" t="s">
        <v>192</v>
      </c>
      <c r="E40" s="32" t="s">
        <v>484</v>
      </c>
      <c r="F40" s="53" t="s">
        <v>109</v>
      </c>
      <c r="G40" s="24">
        <v>155.52000000000001</v>
      </c>
    </row>
    <row r="41" spans="1:7" ht="30" customHeight="1" x14ac:dyDescent="0.2">
      <c r="A41" s="8" t="s">
        <v>43</v>
      </c>
      <c r="B41" s="64" t="s">
        <v>85</v>
      </c>
      <c r="C41" s="20" t="s">
        <v>86</v>
      </c>
      <c r="D41" s="20" t="s">
        <v>722</v>
      </c>
      <c r="E41" s="66"/>
      <c r="F41" s="53" t="s">
        <v>87</v>
      </c>
      <c r="G41" s="24">
        <v>12.96</v>
      </c>
    </row>
    <row r="42" spans="1:7" s="13" customFormat="1" ht="30" customHeight="1" x14ac:dyDescent="0.2">
      <c r="A42" s="67" t="s">
        <v>43</v>
      </c>
      <c r="B42" s="76" t="s">
        <v>241</v>
      </c>
      <c r="C42" s="20" t="s">
        <v>124</v>
      </c>
      <c r="D42" s="20" t="s">
        <v>97</v>
      </c>
      <c r="E42" s="66" t="s">
        <v>603</v>
      </c>
      <c r="F42" s="53" t="s">
        <v>7</v>
      </c>
      <c r="G42" s="24">
        <v>71.28</v>
      </c>
    </row>
    <row r="43" spans="1:7" ht="35.25" customHeight="1" x14ac:dyDescent="0.2">
      <c r="A43" s="67" t="s">
        <v>43</v>
      </c>
      <c r="B43" s="76" t="s">
        <v>241</v>
      </c>
      <c r="C43" s="20" t="s">
        <v>124</v>
      </c>
      <c r="D43" s="20" t="s">
        <v>97</v>
      </c>
      <c r="E43" s="66" t="s">
        <v>552</v>
      </c>
      <c r="F43" s="53" t="s">
        <v>7</v>
      </c>
      <c r="G43" s="24">
        <v>85.32</v>
      </c>
    </row>
    <row r="44" spans="1:7" ht="30" customHeight="1" x14ac:dyDescent="0.2">
      <c r="A44" s="67" t="s">
        <v>43</v>
      </c>
      <c r="B44" s="76" t="s">
        <v>579</v>
      </c>
      <c r="C44" s="20" t="s">
        <v>548</v>
      </c>
      <c r="D44" s="20" t="s">
        <v>36</v>
      </c>
      <c r="E44" s="66" t="s">
        <v>608</v>
      </c>
      <c r="F44" s="53" t="s">
        <v>7</v>
      </c>
      <c r="G44" s="24">
        <v>81</v>
      </c>
    </row>
    <row r="45" spans="1:7" ht="30" customHeight="1" x14ac:dyDescent="0.2">
      <c r="A45" s="67" t="s">
        <v>43</v>
      </c>
      <c r="B45" s="76" t="s">
        <v>466</v>
      </c>
      <c r="C45" s="20" t="s">
        <v>248</v>
      </c>
      <c r="D45" s="20" t="s">
        <v>723</v>
      </c>
      <c r="E45" s="66" t="s">
        <v>146</v>
      </c>
      <c r="F45" s="53" t="s">
        <v>7</v>
      </c>
      <c r="G45" s="24">
        <v>361.8</v>
      </c>
    </row>
    <row r="46" spans="1:7" ht="30" customHeight="1" x14ac:dyDescent="0.2">
      <c r="A46" s="67" t="s">
        <v>43</v>
      </c>
      <c r="B46" s="76" t="s">
        <v>580</v>
      </c>
      <c r="C46" s="20" t="s">
        <v>724</v>
      </c>
      <c r="D46" s="20" t="s">
        <v>36</v>
      </c>
      <c r="E46" s="66" t="s">
        <v>609</v>
      </c>
      <c r="F46" s="53" t="s">
        <v>107</v>
      </c>
      <c r="G46" s="24">
        <v>1944</v>
      </c>
    </row>
    <row r="47" spans="1:7" ht="30" customHeight="1" x14ac:dyDescent="0.2">
      <c r="A47" s="67" t="s">
        <v>43</v>
      </c>
      <c r="B47" s="76" t="s">
        <v>581</v>
      </c>
      <c r="C47" s="20" t="s">
        <v>724</v>
      </c>
      <c r="D47" s="20" t="s">
        <v>36</v>
      </c>
      <c r="E47" s="66" t="s">
        <v>610</v>
      </c>
      <c r="F47" s="53" t="s">
        <v>107</v>
      </c>
      <c r="G47" s="24">
        <v>1890</v>
      </c>
    </row>
    <row r="48" spans="1:7" ht="30" customHeight="1" x14ac:dyDescent="0.2">
      <c r="A48" s="67" t="s">
        <v>43</v>
      </c>
      <c r="B48" s="76" t="s">
        <v>474</v>
      </c>
      <c r="C48" s="20" t="s">
        <v>725</v>
      </c>
      <c r="D48" s="20" t="s">
        <v>726</v>
      </c>
      <c r="E48" s="66" t="s">
        <v>217</v>
      </c>
      <c r="F48" s="53" t="s">
        <v>7</v>
      </c>
      <c r="G48" s="24">
        <v>206.28</v>
      </c>
    </row>
    <row r="49" spans="1:7" ht="30" customHeight="1" x14ac:dyDescent="0.2">
      <c r="A49" s="8" t="s">
        <v>43</v>
      </c>
      <c r="B49" s="76" t="s">
        <v>582</v>
      </c>
      <c r="C49" s="20" t="s">
        <v>629</v>
      </c>
      <c r="D49" s="20" t="s">
        <v>727</v>
      </c>
      <c r="E49" s="6" t="s">
        <v>480</v>
      </c>
      <c r="F49" s="53" t="s">
        <v>244</v>
      </c>
      <c r="G49" s="24">
        <v>5929.2</v>
      </c>
    </row>
    <row r="50" spans="1:7" ht="30" customHeight="1" x14ac:dyDescent="0.2">
      <c r="A50" s="8" t="s">
        <v>43</v>
      </c>
      <c r="B50" s="76" t="s">
        <v>467</v>
      </c>
      <c r="C50" s="20" t="s">
        <v>166</v>
      </c>
      <c r="D50" s="20" t="s">
        <v>728</v>
      </c>
      <c r="E50" s="6" t="s">
        <v>481</v>
      </c>
      <c r="F50" s="53" t="s">
        <v>31</v>
      </c>
      <c r="G50" s="24">
        <v>496.8</v>
      </c>
    </row>
    <row r="51" spans="1:7" ht="30" customHeight="1" x14ac:dyDescent="0.2">
      <c r="A51" s="8" t="s">
        <v>43</v>
      </c>
      <c r="B51" s="76" t="s">
        <v>468</v>
      </c>
      <c r="C51" s="20" t="s">
        <v>166</v>
      </c>
      <c r="D51" s="20" t="s">
        <v>728</v>
      </c>
      <c r="E51" s="6" t="s">
        <v>611</v>
      </c>
      <c r="F51" s="53" t="s">
        <v>31</v>
      </c>
      <c r="G51" s="24">
        <v>496.8</v>
      </c>
    </row>
    <row r="52" spans="1:7" ht="30" customHeight="1" x14ac:dyDescent="0.2">
      <c r="A52" s="8" t="s">
        <v>43</v>
      </c>
      <c r="B52" s="76" t="s">
        <v>214</v>
      </c>
      <c r="C52" s="20" t="s">
        <v>212</v>
      </c>
      <c r="D52" s="20" t="s">
        <v>729</v>
      </c>
      <c r="E52" s="66" t="s">
        <v>122</v>
      </c>
      <c r="F52" s="53" t="s">
        <v>7</v>
      </c>
      <c r="G52" s="24">
        <v>14.04</v>
      </c>
    </row>
    <row r="53" spans="1:7" ht="30" customHeight="1" x14ac:dyDescent="0.2">
      <c r="A53" s="67" t="s">
        <v>43</v>
      </c>
      <c r="B53" s="76" t="s">
        <v>584</v>
      </c>
      <c r="C53" s="20" t="s">
        <v>123</v>
      </c>
      <c r="D53" s="20" t="s">
        <v>730</v>
      </c>
      <c r="E53" s="66" t="s">
        <v>460</v>
      </c>
      <c r="F53" s="53" t="s">
        <v>7</v>
      </c>
      <c r="G53" s="24">
        <v>15.12</v>
      </c>
    </row>
    <row r="54" spans="1:7" ht="30" customHeight="1" x14ac:dyDescent="0.2">
      <c r="A54" s="16" t="s">
        <v>43</v>
      </c>
      <c r="B54" s="76" t="s">
        <v>469</v>
      </c>
      <c r="C54" s="20" t="s">
        <v>310</v>
      </c>
      <c r="D54" s="20" t="s">
        <v>36</v>
      </c>
      <c r="E54" s="66" t="s">
        <v>481</v>
      </c>
      <c r="F54" s="53" t="s">
        <v>107</v>
      </c>
      <c r="G54" s="24">
        <v>680.4</v>
      </c>
    </row>
    <row r="55" spans="1:7" ht="30" customHeight="1" x14ac:dyDescent="0.2">
      <c r="A55" s="67" t="s">
        <v>125</v>
      </c>
      <c r="B55" s="64" t="s">
        <v>54</v>
      </c>
      <c r="C55" s="20" t="s">
        <v>165</v>
      </c>
      <c r="D55" s="20" t="s">
        <v>36</v>
      </c>
      <c r="E55" s="6"/>
      <c r="F55" s="53" t="s">
        <v>31</v>
      </c>
      <c r="G55" s="24">
        <v>248.4</v>
      </c>
    </row>
    <row r="56" spans="1:7" s="13" customFormat="1" ht="30" customHeight="1" x14ac:dyDescent="0.2">
      <c r="A56" s="67" t="s">
        <v>125</v>
      </c>
      <c r="B56" s="64" t="s">
        <v>237</v>
      </c>
      <c r="C56" s="20" t="s">
        <v>128</v>
      </c>
      <c r="D56" s="20" t="s">
        <v>731</v>
      </c>
      <c r="E56" s="6" t="s">
        <v>482</v>
      </c>
      <c r="F56" s="53" t="s">
        <v>32</v>
      </c>
      <c r="G56" s="24">
        <v>480.6</v>
      </c>
    </row>
    <row r="57" spans="1:7" ht="30" customHeight="1" x14ac:dyDescent="0.2">
      <c r="A57" s="67" t="s">
        <v>125</v>
      </c>
      <c r="B57" s="64" t="s">
        <v>144</v>
      </c>
      <c r="C57" s="20" t="s">
        <v>128</v>
      </c>
      <c r="D57" s="20" t="s">
        <v>731</v>
      </c>
      <c r="E57" s="6" t="s">
        <v>482</v>
      </c>
      <c r="F57" s="53" t="s">
        <v>32</v>
      </c>
      <c r="G57" s="24">
        <v>480.6</v>
      </c>
    </row>
    <row r="58" spans="1:7" ht="30" customHeight="1" x14ac:dyDescent="0.2">
      <c r="A58" s="67" t="s">
        <v>125</v>
      </c>
      <c r="B58" s="64" t="s">
        <v>179</v>
      </c>
      <c r="C58" s="20" t="s">
        <v>618</v>
      </c>
      <c r="D58" s="20" t="s">
        <v>704</v>
      </c>
      <c r="E58" s="6" t="s">
        <v>242</v>
      </c>
      <c r="F58" s="53" t="s">
        <v>32</v>
      </c>
      <c r="G58" s="24">
        <v>301.32</v>
      </c>
    </row>
    <row r="59" spans="1:7" ht="27" customHeight="1" x14ac:dyDescent="0.2">
      <c r="A59" s="67" t="s">
        <v>125</v>
      </c>
      <c r="B59" s="64" t="s">
        <v>574</v>
      </c>
      <c r="C59" s="20" t="s">
        <v>621</v>
      </c>
      <c r="D59" s="20" t="s">
        <v>732</v>
      </c>
      <c r="E59" s="6" t="s">
        <v>230</v>
      </c>
      <c r="F59" s="53" t="s">
        <v>70</v>
      </c>
      <c r="G59" s="24">
        <v>1015.2</v>
      </c>
    </row>
    <row r="60" spans="1:7" ht="33" customHeight="1" x14ac:dyDescent="0.2">
      <c r="A60" s="67" t="s">
        <v>125</v>
      </c>
      <c r="B60" s="64" t="s">
        <v>147</v>
      </c>
      <c r="C60" s="20" t="s">
        <v>38</v>
      </c>
      <c r="D60" s="20" t="s">
        <v>733</v>
      </c>
      <c r="E60" s="6" t="s">
        <v>99</v>
      </c>
      <c r="F60" s="53" t="s">
        <v>33</v>
      </c>
      <c r="G60" s="24">
        <v>189</v>
      </c>
    </row>
    <row r="61" spans="1:7" s="13" customFormat="1" ht="30" customHeight="1" x14ac:dyDescent="0.2">
      <c r="A61" s="67" t="s">
        <v>125</v>
      </c>
      <c r="B61" s="64" t="s">
        <v>147</v>
      </c>
      <c r="C61" s="20" t="s">
        <v>734</v>
      </c>
      <c r="D61" s="20" t="s">
        <v>735</v>
      </c>
      <c r="E61" s="12" t="s">
        <v>483</v>
      </c>
      <c r="F61" s="53" t="s">
        <v>33</v>
      </c>
      <c r="G61" s="24">
        <v>204.12</v>
      </c>
    </row>
    <row r="62" spans="1:7" ht="26.25" customHeight="1" x14ac:dyDescent="0.2">
      <c r="A62" s="67" t="s">
        <v>125</v>
      </c>
      <c r="B62" s="64" t="s">
        <v>215</v>
      </c>
      <c r="C62" s="20" t="s">
        <v>47</v>
      </c>
      <c r="D62" s="20" t="s">
        <v>736</v>
      </c>
      <c r="E62" s="12" t="s">
        <v>478</v>
      </c>
      <c r="F62" s="53" t="s">
        <v>33</v>
      </c>
      <c r="G62" s="24">
        <v>626.4</v>
      </c>
    </row>
    <row r="63" spans="1:7" ht="30" customHeight="1" x14ac:dyDescent="0.2">
      <c r="A63" s="67" t="s">
        <v>125</v>
      </c>
      <c r="B63" s="64" t="s">
        <v>335</v>
      </c>
      <c r="C63" s="20" t="s">
        <v>737</v>
      </c>
      <c r="D63" s="15" t="s">
        <v>36</v>
      </c>
      <c r="E63" s="66"/>
      <c r="F63" s="53" t="s">
        <v>31</v>
      </c>
      <c r="G63" s="24">
        <v>4914</v>
      </c>
    </row>
    <row r="64" spans="1:7" ht="30" customHeight="1" x14ac:dyDescent="0.2">
      <c r="A64" s="67" t="s">
        <v>125</v>
      </c>
      <c r="B64" s="64" t="s">
        <v>161</v>
      </c>
      <c r="C64" s="20" t="s">
        <v>738</v>
      </c>
      <c r="D64" s="20" t="s">
        <v>79</v>
      </c>
      <c r="E64" s="5" t="s">
        <v>8</v>
      </c>
      <c r="F64" s="53" t="s">
        <v>33</v>
      </c>
      <c r="G64" s="24">
        <v>403.92</v>
      </c>
    </row>
    <row r="65" spans="1:7" ht="30" customHeight="1" x14ac:dyDescent="0.2">
      <c r="A65" s="67" t="s">
        <v>125</v>
      </c>
      <c r="B65" s="64" t="s">
        <v>161</v>
      </c>
      <c r="C65" s="20" t="s">
        <v>738</v>
      </c>
      <c r="D65" s="20" t="s">
        <v>79</v>
      </c>
      <c r="E65" s="66" t="s">
        <v>717</v>
      </c>
      <c r="F65" s="53" t="s">
        <v>33</v>
      </c>
      <c r="G65" s="24">
        <v>891</v>
      </c>
    </row>
    <row r="66" spans="1:7" ht="30" customHeight="1" x14ac:dyDescent="0.2">
      <c r="A66" s="67" t="s">
        <v>125</v>
      </c>
      <c r="B66" s="64" t="s">
        <v>216</v>
      </c>
      <c r="C66" s="20" t="s">
        <v>128</v>
      </c>
      <c r="D66" s="20" t="s">
        <v>739</v>
      </c>
      <c r="E66" s="5" t="s">
        <v>8</v>
      </c>
      <c r="F66" s="53" t="s">
        <v>33</v>
      </c>
      <c r="G66" s="24">
        <v>292.68</v>
      </c>
    </row>
    <row r="67" spans="1:7" ht="30" customHeight="1" x14ac:dyDescent="0.2">
      <c r="A67" s="67" t="s">
        <v>125</v>
      </c>
      <c r="B67" s="64" t="s">
        <v>216</v>
      </c>
      <c r="C67" s="20" t="s">
        <v>128</v>
      </c>
      <c r="D67" s="20" t="s">
        <v>739</v>
      </c>
      <c r="E67" s="66" t="s">
        <v>717</v>
      </c>
      <c r="F67" s="53" t="s">
        <v>33</v>
      </c>
      <c r="G67" s="24">
        <v>714.96</v>
      </c>
    </row>
    <row r="68" spans="1:7" ht="30" customHeight="1" x14ac:dyDescent="0.2">
      <c r="A68" s="67" t="s">
        <v>125</v>
      </c>
      <c r="B68" s="64" t="s">
        <v>216</v>
      </c>
      <c r="C68" s="20" t="s">
        <v>128</v>
      </c>
      <c r="D68" s="20" t="s">
        <v>739</v>
      </c>
      <c r="E68" s="66" t="s">
        <v>615</v>
      </c>
      <c r="F68" s="53" t="s">
        <v>33</v>
      </c>
      <c r="G68" s="24">
        <v>262.44</v>
      </c>
    </row>
    <row r="69" spans="1:7" ht="30" customHeight="1" x14ac:dyDescent="0.2">
      <c r="A69" s="67" t="s">
        <v>125</v>
      </c>
      <c r="B69" s="64" t="s">
        <v>69</v>
      </c>
      <c r="C69" s="20" t="s">
        <v>624</v>
      </c>
      <c r="D69" s="20" t="s">
        <v>740</v>
      </c>
      <c r="E69" s="66" t="s">
        <v>8</v>
      </c>
      <c r="F69" s="53" t="s">
        <v>31</v>
      </c>
      <c r="G69" s="24">
        <v>410.4</v>
      </c>
    </row>
    <row r="70" spans="1:7" ht="30" customHeight="1" x14ac:dyDescent="0.2">
      <c r="A70" s="67" t="s">
        <v>125</v>
      </c>
      <c r="B70" s="64" t="s">
        <v>517</v>
      </c>
      <c r="C70" s="20" t="s">
        <v>38</v>
      </c>
      <c r="D70" s="20" t="s">
        <v>741</v>
      </c>
      <c r="E70" s="6" t="s">
        <v>512</v>
      </c>
      <c r="F70" s="53" t="s">
        <v>33</v>
      </c>
      <c r="G70" s="24">
        <v>381.24</v>
      </c>
    </row>
    <row r="71" spans="1:7" ht="30" customHeight="1" x14ac:dyDescent="0.2">
      <c r="A71" s="67" t="s">
        <v>125</v>
      </c>
      <c r="B71" s="64" t="s">
        <v>462</v>
      </c>
      <c r="C71" s="20" t="s">
        <v>169</v>
      </c>
      <c r="D71" s="20" t="s">
        <v>742</v>
      </c>
      <c r="E71" s="6" t="s">
        <v>102</v>
      </c>
      <c r="F71" s="53" t="s">
        <v>31</v>
      </c>
      <c r="G71" s="24">
        <v>982.8</v>
      </c>
    </row>
    <row r="72" spans="1:7" ht="30" customHeight="1" x14ac:dyDescent="0.2">
      <c r="A72" s="67" t="s">
        <v>125</v>
      </c>
      <c r="B72" s="64" t="s">
        <v>576</v>
      </c>
      <c r="C72" s="20" t="s">
        <v>169</v>
      </c>
      <c r="D72" s="20" t="s">
        <v>742</v>
      </c>
      <c r="E72" s="6" t="s">
        <v>102</v>
      </c>
      <c r="F72" s="53" t="s">
        <v>31</v>
      </c>
      <c r="G72" s="24">
        <v>982.8</v>
      </c>
    </row>
    <row r="73" spans="1:7" ht="30" customHeight="1" x14ac:dyDescent="0.2">
      <c r="A73" s="67" t="s">
        <v>125</v>
      </c>
      <c r="B73" s="64" t="s">
        <v>221</v>
      </c>
      <c r="C73" s="20" t="s">
        <v>128</v>
      </c>
      <c r="D73" s="20" t="s">
        <v>743</v>
      </c>
      <c r="E73" s="32" t="s">
        <v>460</v>
      </c>
      <c r="F73" s="53" t="s">
        <v>71</v>
      </c>
      <c r="G73" s="24">
        <v>5.4</v>
      </c>
    </row>
    <row r="74" spans="1:7" ht="30" customHeight="1" x14ac:dyDescent="0.2">
      <c r="A74" s="67" t="s">
        <v>125</v>
      </c>
      <c r="B74" s="64" t="s">
        <v>521</v>
      </c>
      <c r="C74" s="20" t="s">
        <v>168</v>
      </c>
      <c r="D74" s="20" t="s">
        <v>181</v>
      </c>
      <c r="E74" s="12" t="s">
        <v>554</v>
      </c>
      <c r="F74" s="53" t="s">
        <v>71</v>
      </c>
      <c r="G74" s="24">
        <v>43.74</v>
      </c>
    </row>
    <row r="75" spans="1:7" ht="30" customHeight="1" x14ac:dyDescent="0.2">
      <c r="A75" s="67" t="s">
        <v>125</v>
      </c>
      <c r="B75" s="64" t="s">
        <v>518</v>
      </c>
      <c r="C75" s="20" t="s">
        <v>128</v>
      </c>
      <c r="D75" s="20" t="s">
        <v>115</v>
      </c>
      <c r="E75" s="12" t="s">
        <v>606</v>
      </c>
      <c r="F75" s="53" t="s">
        <v>33</v>
      </c>
      <c r="G75" s="24">
        <v>839.16</v>
      </c>
    </row>
    <row r="76" spans="1:7" ht="30" customHeight="1" x14ac:dyDescent="0.2">
      <c r="A76" s="8" t="s">
        <v>125</v>
      </c>
      <c r="B76" s="64" t="s">
        <v>464</v>
      </c>
      <c r="C76" s="20" t="s">
        <v>626</v>
      </c>
      <c r="D76" s="20"/>
      <c r="E76" s="66" t="s">
        <v>607</v>
      </c>
      <c r="F76" s="53" t="s">
        <v>33</v>
      </c>
      <c r="G76" s="24">
        <v>29</v>
      </c>
    </row>
    <row r="77" spans="1:7" s="13" customFormat="1" ht="30" customHeight="1" x14ac:dyDescent="0.2">
      <c r="A77" s="67" t="s">
        <v>125</v>
      </c>
      <c r="B77" s="76" t="s">
        <v>593</v>
      </c>
      <c r="C77" s="20" t="s">
        <v>38</v>
      </c>
      <c r="D77" s="20" t="s">
        <v>79</v>
      </c>
      <c r="E77" s="66" t="s">
        <v>744</v>
      </c>
      <c r="F77" s="53" t="s">
        <v>109</v>
      </c>
      <c r="G77" s="24">
        <v>150.12</v>
      </c>
    </row>
    <row r="78" spans="1:7" ht="27" customHeight="1" x14ac:dyDescent="0.2">
      <c r="A78" s="67" t="s">
        <v>125</v>
      </c>
      <c r="B78" s="76" t="s">
        <v>465</v>
      </c>
      <c r="C78" s="20" t="s">
        <v>628</v>
      </c>
      <c r="D78" s="20"/>
      <c r="E78" s="66" t="s">
        <v>481</v>
      </c>
      <c r="F78" s="53" t="s">
        <v>7</v>
      </c>
      <c r="G78" s="24">
        <v>1004.4</v>
      </c>
    </row>
    <row r="79" spans="1:7" ht="30" customHeight="1" x14ac:dyDescent="0.2">
      <c r="A79" s="67" t="s">
        <v>125</v>
      </c>
      <c r="B79" s="76" t="s">
        <v>594</v>
      </c>
      <c r="C79" s="20" t="s">
        <v>169</v>
      </c>
      <c r="D79" s="20" t="s">
        <v>745</v>
      </c>
      <c r="E79" s="66" t="s">
        <v>746</v>
      </c>
      <c r="F79" s="53" t="s">
        <v>7</v>
      </c>
      <c r="G79" s="24">
        <v>11.88</v>
      </c>
    </row>
    <row r="80" spans="1:7" ht="30" customHeight="1" x14ac:dyDescent="0.2">
      <c r="A80" s="67" t="s">
        <v>125</v>
      </c>
      <c r="B80" s="76" t="s">
        <v>591</v>
      </c>
      <c r="C80" s="20" t="s">
        <v>168</v>
      </c>
      <c r="D80" s="20" t="s">
        <v>747</v>
      </c>
      <c r="E80" s="66" t="s">
        <v>99</v>
      </c>
      <c r="F80" s="53" t="s">
        <v>7</v>
      </c>
      <c r="G80" s="24">
        <v>43.2</v>
      </c>
    </row>
    <row r="81" spans="1:7" ht="30" customHeight="1" x14ac:dyDescent="0.2">
      <c r="A81" s="8" t="s">
        <v>125</v>
      </c>
      <c r="B81" s="76" t="s">
        <v>583</v>
      </c>
      <c r="C81" s="20" t="s">
        <v>128</v>
      </c>
      <c r="D81" s="20" t="s">
        <v>739</v>
      </c>
      <c r="E81" s="66" t="s">
        <v>460</v>
      </c>
      <c r="F81" s="53" t="s">
        <v>7</v>
      </c>
      <c r="G81" s="24">
        <v>8.1</v>
      </c>
    </row>
    <row r="82" spans="1:7" ht="30" customHeight="1" x14ac:dyDescent="0.2">
      <c r="A82" s="67" t="s">
        <v>125</v>
      </c>
      <c r="B82" s="64" t="s">
        <v>228</v>
      </c>
      <c r="C82" s="20" t="s">
        <v>47</v>
      </c>
      <c r="D82" s="20" t="s">
        <v>745</v>
      </c>
      <c r="E82" s="12" t="s">
        <v>108</v>
      </c>
      <c r="F82" s="53" t="s">
        <v>32</v>
      </c>
      <c r="G82" s="24">
        <v>437.4</v>
      </c>
    </row>
    <row r="83" spans="1:7" ht="30" customHeight="1" x14ac:dyDescent="0.2">
      <c r="A83" s="67" t="s">
        <v>125</v>
      </c>
      <c r="B83" s="64" t="s">
        <v>555</v>
      </c>
      <c r="C83" s="20" t="s">
        <v>47</v>
      </c>
      <c r="D83" s="20" t="s">
        <v>745</v>
      </c>
      <c r="E83" s="12" t="s">
        <v>460</v>
      </c>
      <c r="F83" s="53" t="s">
        <v>7</v>
      </c>
      <c r="G83" s="24">
        <v>7.56</v>
      </c>
    </row>
    <row r="84" spans="1:7" ht="30" customHeight="1" x14ac:dyDescent="0.2">
      <c r="A84" s="67" t="s">
        <v>125</v>
      </c>
      <c r="B84" s="64" t="s">
        <v>596</v>
      </c>
      <c r="C84" s="20" t="s">
        <v>47</v>
      </c>
      <c r="D84" s="20" t="s">
        <v>748</v>
      </c>
      <c r="E84" s="12" t="s">
        <v>108</v>
      </c>
      <c r="F84" s="53" t="s">
        <v>32</v>
      </c>
      <c r="G84" s="24">
        <v>604.79999999999995</v>
      </c>
    </row>
    <row r="85" spans="1:7" ht="30" customHeight="1" x14ac:dyDescent="0.2">
      <c r="A85" s="67" t="s">
        <v>125</v>
      </c>
      <c r="B85" s="64" t="s">
        <v>597</v>
      </c>
      <c r="C85" s="20" t="s">
        <v>47</v>
      </c>
      <c r="D85" s="20" t="s">
        <v>748</v>
      </c>
      <c r="E85" s="12" t="s">
        <v>556</v>
      </c>
      <c r="F85" s="53" t="s">
        <v>7</v>
      </c>
      <c r="G85" s="24">
        <v>10.8</v>
      </c>
    </row>
    <row r="86" spans="1:7" ht="30" customHeight="1" x14ac:dyDescent="0.2">
      <c r="A86" s="67" t="s">
        <v>125</v>
      </c>
      <c r="B86" s="64" t="s">
        <v>472</v>
      </c>
      <c r="C86" s="20" t="s">
        <v>47</v>
      </c>
      <c r="D86" s="20" t="s">
        <v>749</v>
      </c>
      <c r="E86" s="12" t="s">
        <v>108</v>
      </c>
      <c r="F86" s="53" t="s">
        <v>32</v>
      </c>
      <c r="G86" s="24">
        <v>537.84</v>
      </c>
    </row>
    <row r="87" spans="1:7" s="13" customFormat="1" ht="30" customHeight="1" x14ac:dyDescent="0.2">
      <c r="A87" s="67" t="s">
        <v>125</v>
      </c>
      <c r="B87" s="64" t="s">
        <v>598</v>
      </c>
      <c r="C87" s="20" t="s">
        <v>47</v>
      </c>
      <c r="D87" s="20" t="s">
        <v>749</v>
      </c>
      <c r="E87" s="12" t="s">
        <v>556</v>
      </c>
      <c r="F87" s="53" t="s">
        <v>7</v>
      </c>
      <c r="G87" s="24">
        <v>9.7200000000000006</v>
      </c>
    </row>
    <row r="88" spans="1:7" ht="27" customHeight="1" x14ac:dyDescent="0.2">
      <c r="A88" s="67" t="s">
        <v>125</v>
      </c>
      <c r="B88" s="64" t="s">
        <v>463</v>
      </c>
      <c r="C88" s="20" t="s">
        <v>47</v>
      </c>
      <c r="D88" s="20" t="s">
        <v>750</v>
      </c>
      <c r="E88" s="66" t="s">
        <v>108</v>
      </c>
      <c r="F88" s="53" t="s">
        <v>32</v>
      </c>
      <c r="G88" s="24">
        <v>604.79999999999995</v>
      </c>
    </row>
    <row r="89" spans="1:7" ht="30" customHeight="1" x14ac:dyDescent="0.2">
      <c r="A89" s="67" t="s">
        <v>125</v>
      </c>
      <c r="B89" s="64" t="s">
        <v>599</v>
      </c>
      <c r="C89" s="20" t="s">
        <v>47</v>
      </c>
      <c r="D89" s="20" t="s">
        <v>750</v>
      </c>
      <c r="E89" s="66" t="s">
        <v>553</v>
      </c>
      <c r="F89" s="53" t="s">
        <v>7</v>
      </c>
      <c r="G89" s="24">
        <v>10.8</v>
      </c>
    </row>
    <row r="90" spans="1:7" ht="30" customHeight="1" x14ac:dyDescent="0.2">
      <c r="A90" s="67" t="s">
        <v>125</v>
      </c>
      <c r="B90" s="76" t="s">
        <v>600</v>
      </c>
      <c r="C90" s="20" t="s">
        <v>47</v>
      </c>
      <c r="D90" s="20" t="s">
        <v>748</v>
      </c>
      <c r="E90" s="12" t="s">
        <v>108</v>
      </c>
      <c r="F90" s="53" t="s">
        <v>109</v>
      </c>
      <c r="G90" s="24">
        <v>545.4</v>
      </c>
    </row>
    <row r="91" spans="1:7" ht="30" customHeight="1" x14ac:dyDescent="0.2">
      <c r="A91" s="67" t="s">
        <v>125</v>
      </c>
      <c r="B91" s="76" t="s">
        <v>557</v>
      </c>
      <c r="C91" s="20" t="s">
        <v>47</v>
      </c>
      <c r="D91" s="20" t="s">
        <v>748</v>
      </c>
      <c r="E91" s="6" t="s">
        <v>612</v>
      </c>
      <c r="F91" s="53" t="s">
        <v>7</v>
      </c>
      <c r="G91" s="24">
        <v>11.34</v>
      </c>
    </row>
    <row r="92" spans="1:7" s="13" customFormat="1" ht="30" customHeight="1" x14ac:dyDescent="0.2">
      <c r="A92" s="8" t="s">
        <v>125</v>
      </c>
      <c r="B92" s="57" t="s">
        <v>585</v>
      </c>
      <c r="C92" s="20" t="s">
        <v>47</v>
      </c>
      <c r="D92" s="20" t="s">
        <v>751</v>
      </c>
      <c r="E92" s="12" t="s">
        <v>108</v>
      </c>
      <c r="F92" s="53" t="s">
        <v>32</v>
      </c>
      <c r="G92" s="24">
        <v>610.20000000000005</v>
      </c>
    </row>
    <row r="93" spans="1:7" ht="30" customHeight="1" x14ac:dyDescent="0.2">
      <c r="A93" s="8" t="s">
        <v>125</v>
      </c>
      <c r="B93" s="57" t="s">
        <v>586</v>
      </c>
      <c r="C93" s="20" t="s">
        <v>47</v>
      </c>
      <c r="D93" s="20" t="s">
        <v>751</v>
      </c>
      <c r="E93" s="6" t="s">
        <v>612</v>
      </c>
      <c r="F93" s="53" t="s">
        <v>7</v>
      </c>
      <c r="G93" s="24">
        <v>10.26</v>
      </c>
    </row>
    <row r="94" spans="1:7" ht="27" customHeight="1" x14ac:dyDescent="0.2">
      <c r="A94" s="8" t="s">
        <v>125</v>
      </c>
      <c r="B94" s="76" t="s">
        <v>470</v>
      </c>
      <c r="C94" s="20" t="s">
        <v>47</v>
      </c>
      <c r="D94" s="20" t="s">
        <v>751</v>
      </c>
      <c r="E94" s="12" t="s">
        <v>108</v>
      </c>
      <c r="F94" s="53" t="s">
        <v>109</v>
      </c>
      <c r="G94" s="24">
        <v>540</v>
      </c>
    </row>
    <row r="95" spans="1:7" s="13" customFormat="1" ht="30" customHeight="1" x14ac:dyDescent="0.2">
      <c r="A95" s="8" t="s">
        <v>125</v>
      </c>
      <c r="B95" s="76" t="s">
        <v>587</v>
      </c>
      <c r="C95" s="20" t="s">
        <v>47</v>
      </c>
      <c r="D95" s="20" t="s">
        <v>751</v>
      </c>
      <c r="E95" s="6" t="s">
        <v>605</v>
      </c>
      <c r="F95" s="53" t="s">
        <v>7</v>
      </c>
      <c r="G95" s="24">
        <v>8.64</v>
      </c>
    </row>
    <row r="96" spans="1:7" s="13" customFormat="1" ht="30" customHeight="1" x14ac:dyDescent="0.2">
      <c r="A96" s="8" t="s">
        <v>125</v>
      </c>
      <c r="B96" s="76" t="s">
        <v>519</v>
      </c>
      <c r="C96" s="20" t="s">
        <v>47</v>
      </c>
      <c r="D96" s="20" t="s">
        <v>751</v>
      </c>
      <c r="E96" s="12" t="s">
        <v>108</v>
      </c>
      <c r="F96" s="53" t="s">
        <v>109</v>
      </c>
      <c r="G96" s="24">
        <v>707.4</v>
      </c>
    </row>
    <row r="97" spans="1:7" ht="30" customHeight="1" x14ac:dyDescent="0.2">
      <c r="A97" s="8" t="s">
        <v>125</v>
      </c>
      <c r="B97" s="76" t="s">
        <v>588</v>
      </c>
      <c r="C97" s="20" t="s">
        <v>47</v>
      </c>
      <c r="D97" s="20" t="s">
        <v>751</v>
      </c>
      <c r="E97" s="6" t="s">
        <v>613</v>
      </c>
      <c r="F97" s="53" t="s">
        <v>7</v>
      </c>
      <c r="G97" s="24">
        <v>10.8</v>
      </c>
    </row>
    <row r="98" spans="1:7" ht="30" customHeight="1" x14ac:dyDescent="0.2">
      <c r="A98" s="8" t="s">
        <v>125</v>
      </c>
      <c r="B98" s="76" t="s">
        <v>589</v>
      </c>
      <c r="C98" s="20" t="s">
        <v>47</v>
      </c>
      <c r="D98" s="20" t="s">
        <v>752</v>
      </c>
      <c r="E98" s="12" t="s">
        <v>108</v>
      </c>
      <c r="F98" s="53" t="s">
        <v>109</v>
      </c>
      <c r="G98" s="24">
        <v>702</v>
      </c>
    </row>
    <row r="99" spans="1:7" ht="30" customHeight="1" x14ac:dyDescent="0.2">
      <c r="A99" s="8" t="s">
        <v>125</v>
      </c>
      <c r="B99" s="76" t="s">
        <v>590</v>
      </c>
      <c r="C99" s="20" t="s">
        <v>47</v>
      </c>
      <c r="D99" s="20" t="s">
        <v>752</v>
      </c>
      <c r="E99" s="16" t="s">
        <v>613</v>
      </c>
      <c r="F99" s="53" t="s">
        <v>7</v>
      </c>
      <c r="G99" s="24">
        <v>10.26</v>
      </c>
    </row>
    <row r="100" spans="1:7" ht="30" customHeight="1" x14ac:dyDescent="0.2">
      <c r="A100" s="67" t="s">
        <v>125</v>
      </c>
      <c r="B100" s="76" t="s">
        <v>473</v>
      </c>
      <c r="C100" s="20" t="s">
        <v>753</v>
      </c>
      <c r="D100" s="20" t="s">
        <v>754</v>
      </c>
      <c r="E100" s="12" t="s">
        <v>108</v>
      </c>
      <c r="F100" s="53" t="s">
        <v>109</v>
      </c>
      <c r="G100" s="24">
        <v>507.6</v>
      </c>
    </row>
    <row r="101" spans="1:7" ht="30" customHeight="1" x14ac:dyDescent="0.2">
      <c r="A101" s="67" t="s">
        <v>125</v>
      </c>
      <c r="B101" s="76" t="s">
        <v>601</v>
      </c>
      <c r="C101" s="20" t="s">
        <v>753</v>
      </c>
      <c r="D101" s="20" t="s">
        <v>754</v>
      </c>
      <c r="E101" s="16" t="s">
        <v>613</v>
      </c>
      <c r="F101" s="53" t="s">
        <v>7</v>
      </c>
      <c r="G101" s="24">
        <v>10.26</v>
      </c>
    </row>
    <row r="102" spans="1:7" ht="27" customHeight="1" x14ac:dyDescent="0.2">
      <c r="A102" s="67" t="s">
        <v>219</v>
      </c>
      <c r="B102" s="64" t="s">
        <v>48</v>
      </c>
      <c r="C102" s="20" t="s">
        <v>617</v>
      </c>
      <c r="D102" s="20" t="s">
        <v>42</v>
      </c>
      <c r="E102" s="6"/>
      <c r="F102" s="53" t="s">
        <v>31</v>
      </c>
      <c r="G102" s="24">
        <v>270</v>
      </c>
    </row>
    <row r="103" spans="1:7" ht="30" customHeight="1" x14ac:dyDescent="0.2">
      <c r="A103" s="65" t="s">
        <v>461</v>
      </c>
      <c r="B103" s="64" t="s">
        <v>81</v>
      </c>
      <c r="C103" s="15" t="s">
        <v>522</v>
      </c>
      <c r="D103" s="15" t="s">
        <v>97</v>
      </c>
      <c r="E103" s="66"/>
      <c r="F103" s="53" t="s">
        <v>31</v>
      </c>
      <c r="G103" s="24">
        <v>390</v>
      </c>
    </row>
    <row r="104" spans="1:7" ht="25.5" customHeight="1" x14ac:dyDescent="0.2">
      <c r="A104" s="65" t="s">
        <v>461</v>
      </c>
      <c r="B104" s="64" t="s">
        <v>82</v>
      </c>
      <c r="C104" s="15" t="s">
        <v>522</v>
      </c>
      <c r="D104" s="15" t="s">
        <v>755</v>
      </c>
      <c r="E104" s="66"/>
      <c r="F104" s="53" t="s">
        <v>31</v>
      </c>
      <c r="G104" s="24">
        <v>290</v>
      </c>
    </row>
    <row r="105" spans="1:7" ht="30" customHeight="1" x14ac:dyDescent="0.2">
      <c r="A105" s="65" t="s">
        <v>461</v>
      </c>
      <c r="B105" s="64" t="s">
        <v>83</v>
      </c>
      <c r="C105" s="15" t="s">
        <v>522</v>
      </c>
      <c r="D105" s="15" t="s">
        <v>755</v>
      </c>
      <c r="E105" s="66"/>
      <c r="F105" s="53" t="s">
        <v>31</v>
      </c>
      <c r="G105" s="24">
        <v>280</v>
      </c>
    </row>
    <row r="106" spans="1:7" ht="30" customHeight="1" x14ac:dyDescent="0.2">
      <c r="A106" s="67" t="s">
        <v>756</v>
      </c>
      <c r="B106" s="64" t="s">
        <v>164</v>
      </c>
      <c r="C106" s="20" t="s">
        <v>757</v>
      </c>
      <c r="D106" s="20" t="s">
        <v>36</v>
      </c>
      <c r="E106" s="6" t="s">
        <v>614</v>
      </c>
      <c r="F106" s="53" t="s">
        <v>32</v>
      </c>
      <c r="G106" s="24">
        <v>693</v>
      </c>
    </row>
    <row r="107" spans="1:7" ht="30" customHeight="1" x14ac:dyDescent="0.2">
      <c r="A107" s="67" t="s">
        <v>756</v>
      </c>
      <c r="B107" s="64" t="s">
        <v>134</v>
      </c>
      <c r="C107" s="20" t="s">
        <v>758</v>
      </c>
      <c r="D107" s="20" t="s">
        <v>759</v>
      </c>
      <c r="E107" s="6" t="s">
        <v>477</v>
      </c>
      <c r="F107" s="53" t="s">
        <v>32</v>
      </c>
      <c r="G107" s="24">
        <v>739</v>
      </c>
    </row>
    <row r="108" spans="1:7" ht="30" customHeight="1" x14ac:dyDescent="0.2">
      <c r="A108" s="67" t="s">
        <v>756</v>
      </c>
      <c r="B108" s="64" t="s">
        <v>134</v>
      </c>
      <c r="C108" s="20" t="s">
        <v>758</v>
      </c>
      <c r="D108" s="20" t="s">
        <v>759</v>
      </c>
      <c r="E108" s="6" t="s">
        <v>760</v>
      </c>
      <c r="F108" s="53" t="s">
        <v>32</v>
      </c>
      <c r="G108" s="24">
        <v>474</v>
      </c>
    </row>
    <row r="109" spans="1:7" ht="30" customHeight="1" x14ac:dyDescent="0.2">
      <c r="A109" s="67" t="s">
        <v>756</v>
      </c>
      <c r="B109" s="64" t="s">
        <v>135</v>
      </c>
      <c r="C109" s="20" t="s">
        <v>758</v>
      </c>
      <c r="D109" s="20" t="s">
        <v>759</v>
      </c>
      <c r="E109" s="6" t="s">
        <v>477</v>
      </c>
      <c r="F109" s="53" t="s">
        <v>32</v>
      </c>
      <c r="G109" s="24">
        <v>739</v>
      </c>
    </row>
    <row r="110" spans="1:7" ht="30" customHeight="1" x14ac:dyDescent="0.2">
      <c r="A110" s="67" t="s">
        <v>756</v>
      </c>
      <c r="B110" s="64" t="s">
        <v>135</v>
      </c>
      <c r="C110" s="20" t="s">
        <v>758</v>
      </c>
      <c r="D110" s="20" t="s">
        <v>759</v>
      </c>
      <c r="E110" s="6" t="s">
        <v>760</v>
      </c>
      <c r="F110" s="53" t="s">
        <v>32</v>
      </c>
      <c r="G110" s="24">
        <v>474</v>
      </c>
    </row>
    <row r="111" spans="1:7" ht="30" customHeight="1" x14ac:dyDescent="0.2">
      <c r="A111" s="67" t="s">
        <v>756</v>
      </c>
      <c r="B111" s="64" t="s">
        <v>592</v>
      </c>
      <c r="C111" s="20" t="s">
        <v>619</v>
      </c>
      <c r="D111" s="20" t="s">
        <v>761</v>
      </c>
      <c r="E111" s="32" t="s">
        <v>477</v>
      </c>
      <c r="F111" s="53" t="s">
        <v>32</v>
      </c>
      <c r="G111" s="24">
        <v>510</v>
      </c>
    </row>
    <row r="112" spans="1:7" ht="30" customHeight="1" x14ac:dyDescent="0.2">
      <c r="A112" s="67" t="s">
        <v>565</v>
      </c>
      <c r="B112" s="64" t="s">
        <v>150</v>
      </c>
      <c r="C112" s="20" t="s">
        <v>622</v>
      </c>
      <c r="D112" s="15" t="s">
        <v>40</v>
      </c>
      <c r="E112" s="6" t="s">
        <v>182</v>
      </c>
      <c r="F112" s="53" t="s">
        <v>31</v>
      </c>
      <c r="G112" s="82" t="s">
        <v>762</v>
      </c>
    </row>
    <row r="113" spans="1:7" ht="30" customHeight="1" x14ac:dyDescent="0.2">
      <c r="A113" s="66" t="s">
        <v>299</v>
      </c>
      <c r="B113" s="64" t="s">
        <v>148</v>
      </c>
      <c r="C113" s="15" t="s">
        <v>627</v>
      </c>
      <c r="D113" s="15" t="s">
        <v>763</v>
      </c>
      <c r="E113" s="66" t="s">
        <v>479</v>
      </c>
      <c r="F113" s="53" t="s">
        <v>32</v>
      </c>
      <c r="G113" s="24">
        <v>74</v>
      </c>
    </row>
    <row r="114" spans="1:7" ht="30" customHeight="1" x14ac:dyDescent="0.2">
      <c r="A114" s="67" t="s">
        <v>764</v>
      </c>
      <c r="B114" s="76" t="s">
        <v>595</v>
      </c>
      <c r="C114" s="15" t="s">
        <v>765</v>
      </c>
      <c r="D114" s="15" t="s">
        <v>40</v>
      </c>
      <c r="E114" s="8" t="s">
        <v>766</v>
      </c>
      <c r="F114" s="53" t="s">
        <v>31</v>
      </c>
      <c r="G114" s="24">
        <v>345</v>
      </c>
    </row>
    <row r="129" spans="1:7" s="87" customFormat="1" ht="30" customHeight="1" x14ac:dyDescent="0.2">
      <c r="A129" s="83"/>
      <c r="B129" s="84"/>
      <c r="C129" s="85"/>
      <c r="D129"/>
      <c r="E129"/>
      <c r="F129" s="17"/>
      <c r="G129" s="86"/>
    </row>
    <row r="130" spans="1:7" s="87" customFormat="1" ht="30" customHeight="1" x14ac:dyDescent="0.2">
      <c r="A130" s="83"/>
      <c r="B130" s="84"/>
      <c r="C130" s="85"/>
      <c r="D130"/>
      <c r="E130"/>
      <c r="F130" s="17"/>
      <c r="G130" s="86"/>
    </row>
    <row r="131" spans="1:7" s="87" customFormat="1" ht="30" customHeight="1" x14ac:dyDescent="0.2">
      <c r="A131" s="83"/>
      <c r="B131" s="84"/>
      <c r="C131" s="85"/>
      <c r="D131"/>
      <c r="E131"/>
      <c r="F131" s="17"/>
      <c r="G131" s="86"/>
    </row>
    <row r="132" spans="1:7" s="87" customFormat="1" ht="30" customHeight="1" x14ac:dyDescent="0.2">
      <c r="A132" s="83"/>
      <c r="B132" s="84"/>
      <c r="C132" s="85"/>
      <c r="D132"/>
      <c r="E132"/>
      <c r="F132" s="17"/>
      <c r="G132" s="86"/>
    </row>
    <row r="133" spans="1:7" s="87" customFormat="1" ht="30" customHeight="1" x14ac:dyDescent="0.2">
      <c r="A133" s="83"/>
      <c r="B133" s="84"/>
      <c r="C133" s="85"/>
      <c r="D133"/>
      <c r="E133"/>
      <c r="F133" s="17"/>
      <c r="G133" s="86"/>
    </row>
    <row r="134" spans="1:7" s="87" customFormat="1" ht="30" customHeight="1" x14ac:dyDescent="0.2">
      <c r="A134" s="83"/>
      <c r="B134" s="84"/>
      <c r="C134" s="85"/>
      <c r="D134"/>
      <c r="E134"/>
      <c r="F134" s="17"/>
      <c r="G134" s="86"/>
    </row>
    <row r="135" spans="1:7" s="87" customFormat="1" ht="30" customHeight="1" x14ac:dyDescent="0.2">
      <c r="A135" s="83"/>
      <c r="B135" s="84"/>
      <c r="C135" s="85"/>
      <c r="D135"/>
      <c r="E135"/>
      <c r="F135" s="17"/>
      <c r="G135" s="86"/>
    </row>
  </sheetData>
  <mergeCells count="1">
    <mergeCell ref="A1:G1"/>
  </mergeCells>
  <phoneticPr fontId="3"/>
  <printOptions horizontalCentered="1"/>
  <pageMargins left="0.59055118110236227" right="0.31496062992125984" top="0.59055118110236227" bottom="0.39370078740157483" header="0.51181102362204722" footer="0.51181102362204722"/>
  <pageSetup paperSize="9" scale="72" orientation="portrait" r:id="rId1"/>
  <headerFooter alignWithMargins="0"/>
  <rowBreaks count="2" manualBreakCount="2">
    <brk id="38" max="6" man="1"/>
    <brk id="74" max="6"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64"/>
  <sheetViews>
    <sheetView view="pageBreakPreview" zoomScaleNormal="100" zoomScaleSheetLayoutView="100" workbookViewId="0">
      <pane ySplit="2" topLeftCell="A155" activePane="bottomLeft" state="frozen"/>
      <selection activeCell="E9" sqref="E9"/>
      <selection pane="bottomLeft" activeCell="C3" sqref="C3:C164"/>
    </sheetView>
  </sheetViews>
  <sheetFormatPr defaultColWidth="9" defaultRowHeight="30" customHeight="1" x14ac:dyDescent="0.2"/>
  <cols>
    <col min="1" max="1" width="16.6640625" style="13" customWidth="1"/>
    <col min="2" max="2" width="2.77734375" style="116" customWidth="1"/>
    <col min="3" max="3" width="29.77734375" style="117" customWidth="1"/>
    <col min="4" max="4" width="19.21875" style="46" customWidth="1"/>
    <col min="5" max="5" width="17.6640625" style="22" customWidth="1"/>
    <col min="6" max="6" width="17.21875" style="17" customWidth="1"/>
    <col min="7" max="7" width="5.44140625" style="17" bestFit="1" customWidth="1"/>
    <col min="8" max="8" width="12" style="25" bestFit="1" customWidth="1"/>
    <col min="9" max="16384" width="9" style="13"/>
  </cols>
  <sheetData>
    <row r="1" spans="1:8" s="21" customFormat="1" ht="30" customHeight="1" x14ac:dyDescent="0.2">
      <c r="A1" s="136" t="s">
        <v>794</v>
      </c>
      <c r="B1" s="136"/>
      <c r="C1" s="136"/>
      <c r="D1" s="136"/>
      <c r="E1" s="136"/>
      <c r="F1" s="136"/>
      <c r="G1" s="136"/>
      <c r="H1" s="136"/>
    </row>
    <row r="2" spans="1:8" ht="30" customHeight="1" x14ac:dyDescent="0.2">
      <c r="A2" s="1" t="s">
        <v>0</v>
      </c>
      <c r="B2" s="70"/>
      <c r="C2" s="1" t="s">
        <v>1</v>
      </c>
      <c r="D2" s="3" t="s">
        <v>2</v>
      </c>
      <c r="E2" s="3" t="s">
        <v>3</v>
      </c>
      <c r="F2" s="3" t="s">
        <v>4</v>
      </c>
      <c r="G2" s="2" t="s">
        <v>5</v>
      </c>
      <c r="H2" s="23" t="s">
        <v>34</v>
      </c>
    </row>
    <row r="3" spans="1:8" ht="30" customHeight="1" x14ac:dyDescent="0.2">
      <c r="A3" s="16" t="s">
        <v>43</v>
      </c>
      <c r="B3" s="69"/>
      <c r="C3" s="64" t="s">
        <v>213</v>
      </c>
      <c r="D3" s="20" t="s">
        <v>690</v>
      </c>
      <c r="E3" s="20" t="s">
        <v>795</v>
      </c>
      <c r="F3" s="6" t="s">
        <v>677</v>
      </c>
      <c r="G3" s="53" t="s">
        <v>32</v>
      </c>
      <c r="H3" s="24">
        <v>399.6</v>
      </c>
    </row>
    <row r="4" spans="1:8" ht="30" customHeight="1" x14ac:dyDescent="0.2">
      <c r="A4" s="16" t="s">
        <v>43</v>
      </c>
      <c r="B4" s="69"/>
      <c r="C4" s="64" t="s">
        <v>672</v>
      </c>
      <c r="D4" s="20" t="s">
        <v>690</v>
      </c>
      <c r="E4" s="20" t="s">
        <v>796</v>
      </c>
      <c r="F4" s="6" t="s">
        <v>797</v>
      </c>
      <c r="G4" s="53" t="s">
        <v>32</v>
      </c>
      <c r="H4" s="24">
        <v>383.4</v>
      </c>
    </row>
    <row r="5" spans="1:8" ht="30" customHeight="1" x14ac:dyDescent="0.2">
      <c r="A5" s="16" t="s">
        <v>43</v>
      </c>
      <c r="B5" s="69"/>
      <c r="C5" s="64" t="s">
        <v>630</v>
      </c>
      <c r="D5" s="20" t="s">
        <v>96</v>
      </c>
      <c r="E5" s="20" t="s">
        <v>42</v>
      </c>
      <c r="F5" s="6"/>
      <c r="G5" s="53" t="s">
        <v>31</v>
      </c>
      <c r="H5" s="24">
        <v>761.4</v>
      </c>
    </row>
    <row r="6" spans="1:8" ht="30" customHeight="1" x14ac:dyDescent="0.2">
      <c r="A6" s="16" t="s">
        <v>43</v>
      </c>
      <c r="B6" s="69"/>
      <c r="C6" s="64" t="s">
        <v>524</v>
      </c>
      <c r="D6" s="20" t="s">
        <v>123</v>
      </c>
      <c r="E6" s="20" t="s">
        <v>42</v>
      </c>
      <c r="F6" s="6"/>
      <c r="G6" s="53" t="s">
        <v>31</v>
      </c>
      <c r="H6" s="24">
        <v>702</v>
      </c>
    </row>
    <row r="7" spans="1:8" ht="30" customHeight="1" x14ac:dyDescent="0.2">
      <c r="A7" s="16" t="s">
        <v>43</v>
      </c>
      <c r="B7" s="69"/>
      <c r="C7" s="64" t="s">
        <v>655</v>
      </c>
      <c r="D7" s="20" t="s">
        <v>96</v>
      </c>
      <c r="E7" s="20" t="s">
        <v>42</v>
      </c>
      <c r="F7" s="6"/>
      <c r="G7" s="53" t="s">
        <v>31</v>
      </c>
      <c r="H7" s="24">
        <v>394.2</v>
      </c>
    </row>
    <row r="8" spans="1:8" ht="30" customHeight="1" x14ac:dyDescent="0.2">
      <c r="A8" s="16" t="s">
        <v>43</v>
      </c>
      <c r="B8" s="69"/>
      <c r="C8" s="64" t="s">
        <v>656</v>
      </c>
      <c r="D8" s="20" t="s">
        <v>96</v>
      </c>
      <c r="E8" s="20" t="s">
        <v>42</v>
      </c>
      <c r="F8" s="6" t="s">
        <v>511</v>
      </c>
      <c r="G8" s="53" t="s">
        <v>33</v>
      </c>
      <c r="H8" s="24">
        <v>361.8</v>
      </c>
    </row>
    <row r="9" spans="1:8" ht="30" customHeight="1" x14ac:dyDescent="0.2">
      <c r="A9" s="16" t="s">
        <v>43</v>
      </c>
      <c r="B9" s="69"/>
      <c r="C9" s="64" t="s">
        <v>525</v>
      </c>
      <c r="D9" s="20" t="s">
        <v>96</v>
      </c>
      <c r="E9" s="20" t="s">
        <v>42</v>
      </c>
      <c r="F9" s="6"/>
      <c r="G9" s="53" t="s">
        <v>31</v>
      </c>
      <c r="H9" s="24">
        <v>1144.8</v>
      </c>
    </row>
    <row r="10" spans="1:8" ht="30" customHeight="1" x14ac:dyDescent="0.2">
      <c r="A10" s="16" t="s">
        <v>43</v>
      </c>
      <c r="B10" s="69"/>
      <c r="C10" s="64" t="s">
        <v>532</v>
      </c>
      <c r="D10" s="20" t="s">
        <v>798</v>
      </c>
      <c r="E10" s="20" t="s">
        <v>799</v>
      </c>
      <c r="F10" s="6" t="s">
        <v>800</v>
      </c>
      <c r="G10" s="53" t="s">
        <v>31</v>
      </c>
      <c r="H10" s="24">
        <v>2138.4</v>
      </c>
    </row>
    <row r="11" spans="1:8" ht="30" customHeight="1" x14ac:dyDescent="0.2">
      <c r="A11" s="16" t="s">
        <v>43</v>
      </c>
      <c r="B11" s="69"/>
      <c r="C11" s="64" t="s">
        <v>533</v>
      </c>
      <c r="D11" s="20" t="s">
        <v>798</v>
      </c>
      <c r="E11" s="20" t="s">
        <v>799</v>
      </c>
      <c r="F11" s="6" t="s">
        <v>800</v>
      </c>
      <c r="G11" s="53" t="s">
        <v>31</v>
      </c>
      <c r="H11" s="24">
        <v>2138.4</v>
      </c>
    </row>
    <row r="12" spans="1:8" ht="30" customHeight="1" x14ac:dyDescent="0.2">
      <c r="A12" s="16" t="s">
        <v>43</v>
      </c>
      <c r="B12" s="69"/>
      <c r="C12" s="64" t="s">
        <v>365</v>
      </c>
      <c r="D12" s="20" t="s">
        <v>798</v>
      </c>
      <c r="E12" s="20" t="s">
        <v>801</v>
      </c>
      <c r="F12" s="6" t="s">
        <v>744</v>
      </c>
      <c r="G12" s="53" t="s">
        <v>72</v>
      </c>
      <c r="H12" s="24">
        <v>64.08</v>
      </c>
    </row>
    <row r="13" spans="1:8" ht="30" customHeight="1" x14ac:dyDescent="0.2">
      <c r="A13" s="16" t="s">
        <v>43</v>
      </c>
      <c r="B13" s="69"/>
      <c r="C13" s="64" t="s">
        <v>365</v>
      </c>
      <c r="D13" s="20" t="s">
        <v>798</v>
      </c>
      <c r="E13" s="20" t="s">
        <v>801</v>
      </c>
      <c r="F13" s="6" t="s">
        <v>802</v>
      </c>
      <c r="G13" s="53" t="s">
        <v>72</v>
      </c>
      <c r="H13" s="24">
        <v>74.52</v>
      </c>
    </row>
    <row r="14" spans="1:8" ht="30" customHeight="1" x14ac:dyDescent="0.2">
      <c r="A14" s="16" t="s">
        <v>43</v>
      </c>
      <c r="B14" s="69"/>
      <c r="C14" s="64" t="s">
        <v>365</v>
      </c>
      <c r="D14" s="20" t="s">
        <v>798</v>
      </c>
      <c r="E14" s="20" t="s">
        <v>801</v>
      </c>
      <c r="F14" s="8" t="s">
        <v>803</v>
      </c>
      <c r="G14" s="53" t="s">
        <v>72</v>
      </c>
      <c r="H14" s="24">
        <v>86.4</v>
      </c>
    </row>
    <row r="15" spans="1:8" ht="30" customHeight="1" x14ac:dyDescent="0.2">
      <c r="A15" s="16" t="s">
        <v>43</v>
      </c>
      <c r="B15" s="69"/>
      <c r="C15" s="64" t="s">
        <v>502</v>
      </c>
      <c r="D15" s="20" t="s">
        <v>265</v>
      </c>
      <c r="E15" s="20" t="s">
        <v>804</v>
      </c>
      <c r="F15" s="5" t="s">
        <v>675</v>
      </c>
      <c r="G15" s="53" t="s">
        <v>72</v>
      </c>
      <c r="H15" s="24">
        <v>63.72</v>
      </c>
    </row>
    <row r="16" spans="1:8" ht="30" customHeight="1" x14ac:dyDescent="0.2">
      <c r="A16" s="16" t="s">
        <v>43</v>
      </c>
      <c r="B16" s="69"/>
      <c r="C16" s="64" t="s">
        <v>502</v>
      </c>
      <c r="D16" s="20" t="s">
        <v>265</v>
      </c>
      <c r="E16" s="20" t="s">
        <v>804</v>
      </c>
      <c r="F16" s="5" t="s">
        <v>802</v>
      </c>
      <c r="G16" s="53" t="s">
        <v>72</v>
      </c>
      <c r="H16" s="24">
        <v>85.32</v>
      </c>
    </row>
    <row r="17" spans="1:8" ht="30" customHeight="1" x14ac:dyDescent="0.2">
      <c r="A17" s="16" t="s">
        <v>43</v>
      </c>
      <c r="B17" s="69"/>
      <c r="C17" s="64" t="s">
        <v>502</v>
      </c>
      <c r="D17" s="20" t="s">
        <v>265</v>
      </c>
      <c r="E17" s="20" t="s">
        <v>804</v>
      </c>
      <c r="F17" s="6" t="s">
        <v>805</v>
      </c>
      <c r="G17" s="53" t="s">
        <v>72</v>
      </c>
      <c r="H17" s="24">
        <v>101.52</v>
      </c>
    </row>
    <row r="18" spans="1:8" ht="30" customHeight="1" x14ac:dyDescent="0.2">
      <c r="A18" s="16" t="s">
        <v>43</v>
      </c>
      <c r="B18" s="69"/>
      <c r="C18" s="64" t="s">
        <v>502</v>
      </c>
      <c r="D18" s="20" t="s">
        <v>265</v>
      </c>
      <c r="E18" s="20" t="s">
        <v>804</v>
      </c>
      <c r="F18" s="5" t="s">
        <v>803</v>
      </c>
      <c r="G18" s="53" t="s">
        <v>72</v>
      </c>
      <c r="H18" s="24">
        <v>114.48</v>
      </c>
    </row>
    <row r="19" spans="1:8" ht="30" customHeight="1" x14ac:dyDescent="0.2">
      <c r="A19" s="16" t="s">
        <v>43</v>
      </c>
      <c r="B19" s="69"/>
      <c r="C19" s="64" t="s">
        <v>534</v>
      </c>
      <c r="D19" s="20" t="s">
        <v>798</v>
      </c>
      <c r="E19" s="20" t="s">
        <v>804</v>
      </c>
      <c r="F19" s="6" t="s">
        <v>802</v>
      </c>
      <c r="G19" s="53" t="s">
        <v>72</v>
      </c>
      <c r="H19" s="24">
        <v>103.68</v>
      </c>
    </row>
    <row r="20" spans="1:8" ht="30" customHeight="1" x14ac:dyDescent="0.2">
      <c r="A20" s="16" t="s">
        <v>43</v>
      </c>
      <c r="B20" s="69"/>
      <c r="C20" s="64" t="s">
        <v>534</v>
      </c>
      <c r="D20" s="20" t="s">
        <v>798</v>
      </c>
      <c r="E20" s="20" t="s">
        <v>804</v>
      </c>
      <c r="F20" s="6" t="s">
        <v>803</v>
      </c>
      <c r="G20" s="53" t="s">
        <v>72</v>
      </c>
      <c r="H20" s="24">
        <v>135</v>
      </c>
    </row>
    <row r="21" spans="1:8" ht="30" customHeight="1" x14ac:dyDescent="0.2">
      <c r="A21" s="16" t="s">
        <v>43</v>
      </c>
      <c r="B21" s="69"/>
      <c r="C21" s="64" t="s">
        <v>324</v>
      </c>
      <c r="D21" s="20" t="s">
        <v>806</v>
      </c>
      <c r="E21" s="20" t="s">
        <v>445</v>
      </c>
      <c r="F21" s="6" t="s">
        <v>807</v>
      </c>
      <c r="G21" s="53" t="s">
        <v>31</v>
      </c>
      <c r="H21" s="24">
        <v>1188</v>
      </c>
    </row>
    <row r="22" spans="1:8" ht="30" customHeight="1" x14ac:dyDescent="0.2">
      <c r="A22" s="16" t="s">
        <v>43</v>
      </c>
      <c r="B22" s="69"/>
      <c r="C22" s="64" t="s">
        <v>156</v>
      </c>
      <c r="D22" s="20" t="s">
        <v>103</v>
      </c>
      <c r="E22" s="20" t="s">
        <v>40</v>
      </c>
      <c r="F22" s="6"/>
      <c r="G22" s="53" t="s">
        <v>31</v>
      </c>
      <c r="H22" s="24">
        <v>1613.52</v>
      </c>
    </row>
    <row r="23" spans="1:8" ht="30" customHeight="1" x14ac:dyDescent="0.2">
      <c r="A23" s="16" t="s">
        <v>43</v>
      </c>
      <c r="B23" s="69"/>
      <c r="C23" s="64" t="s">
        <v>535</v>
      </c>
      <c r="D23" s="20" t="s">
        <v>288</v>
      </c>
      <c r="E23" s="20" t="s">
        <v>808</v>
      </c>
      <c r="F23" s="8"/>
      <c r="G23" s="53" t="s">
        <v>31</v>
      </c>
      <c r="H23" s="24">
        <v>1409.4</v>
      </c>
    </row>
    <row r="24" spans="1:8" ht="30" customHeight="1" x14ac:dyDescent="0.2">
      <c r="A24" s="16" t="s">
        <v>43</v>
      </c>
      <c r="B24" s="69"/>
      <c r="C24" s="64" t="s">
        <v>333</v>
      </c>
      <c r="D24" s="20" t="s">
        <v>96</v>
      </c>
      <c r="E24" s="20" t="s">
        <v>42</v>
      </c>
      <c r="F24" s="6" t="s">
        <v>511</v>
      </c>
      <c r="G24" s="53" t="s">
        <v>33</v>
      </c>
      <c r="H24" s="24">
        <v>523.79999999999995</v>
      </c>
    </row>
    <row r="25" spans="1:8" ht="30" customHeight="1" x14ac:dyDescent="0.2">
      <c r="A25" s="16" t="s">
        <v>43</v>
      </c>
      <c r="B25" s="69"/>
      <c r="C25" s="64" t="s">
        <v>633</v>
      </c>
      <c r="D25" s="20" t="s">
        <v>559</v>
      </c>
      <c r="E25" s="20" t="s">
        <v>284</v>
      </c>
      <c r="F25" s="6" t="s">
        <v>809</v>
      </c>
      <c r="G25" s="53" t="s">
        <v>33</v>
      </c>
      <c r="H25" s="24">
        <v>961.2</v>
      </c>
    </row>
    <row r="26" spans="1:8" ht="30" customHeight="1" x14ac:dyDescent="0.2">
      <c r="A26" s="16" t="s">
        <v>43</v>
      </c>
      <c r="B26" s="69"/>
      <c r="C26" s="64" t="s">
        <v>633</v>
      </c>
      <c r="D26" s="20" t="s">
        <v>559</v>
      </c>
      <c r="E26" s="20" t="s">
        <v>284</v>
      </c>
      <c r="F26" s="6" t="s">
        <v>810</v>
      </c>
      <c r="G26" s="53" t="s">
        <v>33</v>
      </c>
      <c r="H26" s="24">
        <v>1360.8</v>
      </c>
    </row>
    <row r="27" spans="1:8" ht="30" customHeight="1" x14ac:dyDescent="0.2">
      <c r="A27" s="16" t="s">
        <v>43</v>
      </c>
      <c r="B27" s="69"/>
      <c r="C27" s="64" t="s">
        <v>499</v>
      </c>
      <c r="D27" s="20" t="s">
        <v>559</v>
      </c>
      <c r="E27" s="20" t="s">
        <v>284</v>
      </c>
      <c r="F27" s="6" t="s">
        <v>809</v>
      </c>
      <c r="G27" s="53" t="s">
        <v>33</v>
      </c>
      <c r="H27" s="24">
        <v>961.2</v>
      </c>
    </row>
    <row r="28" spans="1:8" ht="30" customHeight="1" x14ac:dyDescent="0.2">
      <c r="A28" s="16" t="s">
        <v>43</v>
      </c>
      <c r="B28" s="69"/>
      <c r="C28" s="64" t="s">
        <v>499</v>
      </c>
      <c r="D28" s="20" t="s">
        <v>559</v>
      </c>
      <c r="E28" s="20" t="s">
        <v>284</v>
      </c>
      <c r="F28" s="6" t="s">
        <v>810</v>
      </c>
      <c r="G28" s="53" t="s">
        <v>33</v>
      </c>
      <c r="H28" s="24">
        <v>1360.8</v>
      </c>
    </row>
    <row r="29" spans="1:8" ht="30" customHeight="1" x14ac:dyDescent="0.2">
      <c r="A29" s="16" t="s">
        <v>43</v>
      </c>
      <c r="B29" s="69"/>
      <c r="C29" s="64" t="s">
        <v>654</v>
      </c>
      <c r="D29" s="20" t="s">
        <v>559</v>
      </c>
      <c r="E29" s="20" t="s">
        <v>111</v>
      </c>
      <c r="F29" s="6" t="s">
        <v>811</v>
      </c>
      <c r="G29" s="53" t="s">
        <v>33</v>
      </c>
      <c r="H29" s="24">
        <v>86.4</v>
      </c>
    </row>
    <row r="30" spans="1:8" ht="30" customHeight="1" x14ac:dyDescent="0.2">
      <c r="A30" s="16" t="s">
        <v>43</v>
      </c>
      <c r="B30" s="69"/>
      <c r="C30" s="64" t="s">
        <v>654</v>
      </c>
      <c r="D30" s="20" t="s">
        <v>559</v>
      </c>
      <c r="E30" s="20" t="s">
        <v>111</v>
      </c>
      <c r="F30" s="6" t="s">
        <v>812</v>
      </c>
      <c r="G30" s="53" t="s">
        <v>33</v>
      </c>
      <c r="H30" s="24">
        <v>106.92</v>
      </c>
    </row>
    <row r="31" spans="1:8" ht="30" customHeight="1" x14ac:dyDescent="0.2">
      <c r="A31" s="16" t="s">
        <v>43</v>
      </c>
      <c r="B31" s="69"/>
      <c r="C31" s="64" t="s">
        <v>634</v>
      </c>
      <c r="D31" s="20" t="s">
        <v>685</v>
      </c>
      <c r="E31" s="20" t="s">
        <v>813</v>
      </c>
      <c r="F31" s="6"/>
      <c r="G31" s="53" t="s">
        <v>31</v>
      </c>
      <c r="H31" s="24">
        <v>2525.04</v>
      </c>
    </row>
    <row r="32" spans="1:8" ht="30" customHeight="1" x14ac:dyDescent="0.2">
      <c r="A32" s="16" t="s">
        <v>43</v>
      </c>
      <c r="B32" s="69"/>
      <c r="C32" s="64" t="s">
        <v>500</v>
      </c>
      <c r="D32" s="20" t="s">
        <v>256</v>
      </c>
      <c r="E32" s="20" t="s">
        <v>814</v>
      </c>
      <c r="F32" s="6" t="s">
        <v>673</v>
      </c>
      <c r="G32" s="53" t="s">
        <v>33</v>
      </c>
      <c r="H32" s="24">
        <v>1236.5999999999999</v>
      </c>
    </row>
    <row r="33" spans="1:8" ht="30" customHeight="1" x14ac:dyDescent="0.2">
      <c r="A33" s="16" t="s">
        <v>43</v>
      </c>
      <c r="B33" s="69"/>
      <c r="C33" s="64" t="s">
        <v>635</v>
      </c>
      <c r="D33" s="20" t="s">
        <v>685</v>
      </c>
      <c r="E33" s="20" t="s">
        <v>815</v>
      </c>
      <c r="F33" s="6"/>
      <c r="G33" s="53" t="s">
        <v>31</v>
      </c>
      <c r="H33" s="24">
        <v>2106</v>
      </c>
    </row>
    <row r="34" spans="1:8" ht="30" customHeight="1" x14ac:dyDescent="0.2">
      <c r="A34" s="16" t="s">
        <v>43</v>
      </c>
      <c r="B34" s="69"/>
      <c r="C34" s="64" t="s">
        <v>55</v>
      </c>
      <c r="D34" s="20" t="s">
        <v>246</v>
      </c>
      <c r="E34" s="20" t="s">
        <v>816</v>
      </c>
      <c r="F34" s="6"/>
      <c r="G34" s="53" t="s">
        <v>31</v>
      </c>
      <c r="H34" s="24">
        <v>810</v>
      </c>
    </row>
    <row r="35" spans="1:8" ht="30" customHeight="1" x14ac:dyDescent="0.2">
      <c r="A35" s="16" t="s">
        <v>43</v>
      </c>
      <c r="B35" s="69"/>
      <c r="C35" s="64" t="s">
        <v>57</v>
      </c>
      <c r="D35" s="20" t="s">
        <v>686</v>
      </c>
      <c r="E35" s="20" t="s">
        <v>817</v>
      </c>
      <c r="F35" s="6"/>
      <c r="G35" s="53" t="s">
        <v>31</v>
      </c>
      <c r="H35" s="24">
        <v>1728</v>
      </c>
    </row>
    <row r="36" spans="1:8" ht="30" customHeight="1" x14ac:dyDescent="0.2">
      <c r="A36" s="16" t="s">
        <v>43</v>
      </c>
      <c r="B36" s="69"/>
      <c r="C36" s="64" t="s">
        <v>280</v>
      </c>
      <c r="D36" s="20" t="s">
        <v>686</v>
      </c>
      <c r="E36" s="20" t="s">
        <v>817</v>
      </c>
      <c r="F36" s="6"/>
      <c r="G36" s="53" t="s">
        <v>31</v>
      </c>
      <c r="H36" s="24">
        <v>1852.2</v>
      </c>
    </row>
    <row r="37" spans="1:8" ht="30" customHeight="1" x14ac:dyDescent="0.2">
      <c r="A37" s="16" t="s">
        <v>43</v>
      </c>
      <c r="B37" s="69"/>
      <c r="C37" s="64" t="s">
        <v>637</v>
      </c>
      <c r="D37" s="20" t="s">
        <v>246</v>
      </c>
      <c r="E37" s="20" t="s">
        <v>818</v>
      </c>
      <c r="F37" s="6" t="s">
        <v>819</v>
      </c>
      <c r="G37" s="53" t="s">
        <v>33</v>
      </c>
      <c r="H37" s="24">
        <v>1242</v>
      </c>
    </row>
    <row r="38" spans="1:8" ht="30" customHeight="1" x14ac:dyDescent="0.2">
      <c r="A38" s="16" t="s">
        <v>43</v>
      </c>
      <c r="B38" s="69"/>
      <c r="C38" s="64" t="s">
        <v>637</v>
      </c>
      <c r="D38" s="20" t="s">
        <v>246</v>
      </c>
      <c r="E38" s="20" t="s">
        <v>818</v>
      </c>
      <c r="F38" s="6" t="s">
        <v>820</v>
      </c>
      <c r="G38" s="53" t="s">
        <v>33</v>
      </c>
      <c r="H38" s="24">
        <v>1479.6</v>
      </c>
    </row>
    <row r="39" spans="1:8" ht="30" customHeight="1" x14ac:dyDescent="0.2">
      <c r="A39" s="16" t="s">
        <v>43</v>
      </c>
      <c r="B39" s="69"/>
      <c r="C39" s="64" t="s">
        <v>638</v>
      </c>
      <c r="D39" s="20" t="s">
        <v>246</v>
      </c>
      <c r="E39" s="20" t="s">
        <v>821</v>
      </c>
      <c r="F39" s="6" t="s">
        <v>231</v>
      </c>
      <c r="G39" s="53" t="s">
        <v>33</v>
      </c>
      <c r="H39" s="24">
        <v>1058.4000000000001</v>
      </c>
    </row>
    <row r="40" spans="1:8" ht="30" customHeight="1" x14ac:dyDescent="0.2">
      <c r="A40" s="16" t="s">
        <v>43</v>
      </c>
      <c r="B40" s="69"/>
      <c r="C40" s="64" t="s">
        <v>639</v>
      </c>
      <c r="D40" s="20" t="s">
        <v>246</v>
      </c>
      <c r="E40" s="20" t="s">
        <v>35</v>
      </c>
      <c r="F40" s="6"/>
      <c r="G40" s="53" t="s">
        <v>31</v>
      </c>
      <c r="H40" s="24">
        <v>2484</v>
      </c>
    </row>
    <row r="41" spans="1:8" ht="30" customHeight="1" x14ac:dyDescent="0.2">
      <c r="A41" s="16" t="s">
        <v>43</v>
      </c>
      <c r="B41" s="69"/>
      <c r="C41" s="64" t="s">
        <v>640</v>
      </c>
      <c r="D41" s="20" t="s">
        <v>167</v>
      </c>
      <c r="E41" s="20" t="s">
        <v>822</v>
      </c>
      <c r="F41" s="6" t="s">
        <v>674</v>
      </c>
      <c r="G41" s="53" t="s">
        <v>71</v>
      </c>
      <c r="H41" s="24">
        <v>90.72</v>
      </c>
    </row>
    <row r="42" spans="1:8" ht="30" customHeight="1" x14ac:dyDescent="0.2">
      <c r="A42" s="16" t="s">
        <v>43</v>
      </c>
      <c r="B42" s="69"/>
      <c r="C42" s="64" t="s">
        <v>641</v>
      </c>
      <c r="D42" s="20" t="s">
        <v>246</v>
      </c>
      <c r="E42" s="20" t="s">
        <v>40</v>
      </c>
      <c r="F42" s="6"/>
      <c r="G42" s="53" t="s">
        <v>31</v>
      </c>
      <c r="H42" s="24">
        <v>2646</v>
      </c>
    </row>
    <row r="43" spans="1:8" ht="30" customHeight="1" x14ac:dyDescent="0.2">
      <c r="A43" s="16" t="s">
        <v>43</v>
      </c>
      <c r="B43" s="69"/>
      <c r="C43" s="64" t="s">
        <v>505</v>
      </c>
      <c r="D43" s="20" t="s">
        <v>823</v>
      </c>
      <c r="E43" s="20" t="s">
        <v>824</v>
      </c>
      <c r="F43" s="6" t="s">
        <v>825</v>
      </c>
      <c r="G43" s="53" t="s">
        <v>31</v>
      </c>
      <c r="H43" s="24">
        <v>2322</v>
      </c>
    </row>
    <row r="44" spans="1:8" ht="30" customHeight="1" x14ac:dyDescent="0.2">
      <c r="A44" s="16" t="s">
        <v>43</v>
      </c>
      <c r="B44" s="69"/>
      <c r="C44" s="64" t="s">
        <v>642</v>
      </c>
      <c r="D44" s="20" t="s">
        <v>210</v>
      </c>
      <c r="E44" s="20" t="s">
        <v>74</v>
      </c>
      <c r="F44" s="6"/>
      <c r="G44" s="53" t="s">
        <v>31</v>
      </c>
      <c r="H44" s="24">
        <v>1461.24</v>
      </c>
    </row>
    <row r="45" spans="1:8" ht="30" customHeight="1" x14ac:dyDescent="0.2">
      <c r="A45" s="16" t="s">
        <v>43</v>
      </c>
      <c r="B45" s="69"/>
      <c r="C45" s="64" t="s">
        <v>664</v>
      </c>
      <c r="D45" s="20" t="s">
        <v>823</v>
      </c>
      <c r="E45" s="20" t="s">
        <v>824</v>
      </c>
      <c r="F45" s="6" t="s">
        <v>826</v>
      </c>
      <c r="G45" s="53" t="s">
        <v>31</v>
      </c>
      <c r="H45" s="24">
        <v>2008.8</v>
      </c>
    </row>
    <row r="46" spans="1:8" ht="30" customHeight="1" x14ac:dyDescent="0.2">
      <c r="A46" s="16" t="s">
        <v>43</v>
      </c>
      <c r="B46" s="69"/>
      <c r="C46" s="64" t="s">
        <v>665</v>
      </c>
      <c r="D46" s="20" t="s">
        <v>266</v>
      </c>
      <c r="E46" s="20" t="s">
        <v>827</v>
      </c>
      <c r="F46" s="6" t="s">
        <v>828</v>
      </c>
      <c r="G46" s="53" t="s">
        <v>71</v>
      </c>
      <c r="H46" s="24">
        <v>61.56</v>
      </c>
    </row>
    <row r="47" spans="1:8" ht="30" customHeight="1" x14ac:dyDescent="0.2">
      <c r="A47" s="16" t="s">
        <v>43</v>
      </c>
      <c r="B47" s="69"/>
      <c r="C47" s="64" t="s">
        <v>665</v>
      </c>
      <c r="D47" s="20" t="s">
        <v>266</v>
      </c>
      <c r="E47" s="20" t="s">
        <v>827</v>
      </c>
      <c r="F47" s="6" t="s">
        <v>744</v>
      </c>
      <c r="G47" s="53" t="s">
        <v>71</v>
      </c>
      <c r="H47" s="24">
        <v>77.760000000000005</v>
      </c>
    </row>
    <row r="48" spans="1:8" ht="30" customHeight="1" x14ac:dyDescent="0.2">
      <c r="A48" s="16" t="s">
        <v>43</v>
      </c>
      <c r="B48" s="69"/>
      <c r="C48" s="64" t="s">
        <v>538</v>
      </c>
      <c r="D48" s="20" t="s">
        <v>823</v>
      </c>
      <c r="E48" s="20" t="s">
        <v>824</v>
      </c>
      <c r="F48" s="6"/>
      <c r="G48" s="53" t="s">
        <v>31</v>
      </c>
      <c r="H48" s="24">
        <v>2716.2</v>
      </c>
    </row>
    <row r="49" spans="1:8" ht="30" customHeight="1" x14ac:dyDescent="0.2">
      <c r="A49" s="16" t="s">
        <v>43</v>
      </c>
      <c r="B49" s="69"/>
      <c r="C49" s="64" t="s">
        <v>176</v>
      </c>
      <c r="D49" s="20" t="s">
        <v>823</v>
      </c>
      <c r="E49" s="20" t="s">
        <v>824</v>
      </c>
      <c r="F49" s="6"/>
      <c r="G49" s="53" t="s">
        <v>31</v>
      </c>
      <c r="H49" s="24">
        <v>3126.6</v>
      </c>
    </row>
    <row r="50" spans="1:8" ht="30" customHeight="1" x14ac:dyDescent="0.2">
      <c r="A50" s="16" t="s">
        <v>43</v>
      </c>
      <c r="B50" s="69"/>
      <c r="C50" s="64" t="s">
        <v>397</v>
      </c>
      <c r="D50" s="20" t="s">
        <v>321</v>
      </c>
      <c r="E50" s="20" t="s">
        <v>829</v>
      </c>
      <c r="F50" s="6" t="s">
        <v>562</v>
      </c>
      <c r="G50" s="53" t="s">
        <v>33</v>
      </c>
      <c r="H50" s="24">
        <v>540</v>
      </c>
    </row>
    <row r="51" spans="1:8" ht="30" customHeight="1" x14ac:dyDescent="0.2">
      <c r="A51" s="16" t="s">
        <v>43</v>
      </c>
      <c r="B51" s="69"/>
      <c r="C51" s="64" t="s">
        <v>397</v>
      </c>
      <c r="D51" s="20" t="s">
        <v>321</v>
      </c>
      <c r="E51" s="20" t="s">
        <v>829</v>
      </c>
      <c r="F51" s="5" t="s">
        <v>830</v>
      </c>
      <c r="G51" s="53" t="s">
        <v>33</v>
      </c>
      <c r="H51" s="24">
        <v>275.39999999999998</v>
      </c>
    </row>
    <row r="52" spans="1:8" ht="30" customHeight="1" x14ac:dyDescent="0.2">
      <c r="A52" s="16" t="s">
        <v>43</v>
      </c>
      <c r="B52" s="69"/>
      <c r="C52" s="64" t="s">
        <v>61</v>
      </c>
      <c r="D52" s="20" t="s">
        <v>831</v>
      </c>
      <c r="E52" s="20" t="s">
        <v>832</v>
      </c>
      <c r="F52" s="6"/>
      <c r="G52" s="53" t="s">
        <v>31</v>
      </c>
      <c r="H52" s="24">
        <v>1976.4</v>
      </c>
    </row>
    <row r="53" spans="1:8" ht="30" customHeight="1" x14ac:dyDescent="0.2">
      <c r="A53" s="16" t="s">
        <v>43</v>
      </c>
      <c r="B53" s="69"/>
      <c r="C53" s="64" t="s">
        <v>171</v>
      </c>
      <c r="D53" s="20" t="s">
        <v>833</v>
      </c>
      <c r="E53" s="20" t="s">
        <v>834</v>
      </c>
      <c r="F53" s="6"/>
      <c r="G53" s="53" t="s">
        <v>31</v>
      </c>
      <c r="H53" s="24">
        <v>9450</v>
      </c>
    </row>
    <row r="54" spans="1:8" ht="30" customHeight="1" x14ac:dyDescent="0.2">
      <c r="A54" s="16" t="s">
        <v>43</v>
      </c>
      <c r="B54" s="69"/>
      <c r="C54" s="64" t="s">
        <v>62</v>
      </c>
      <c r="D54" s="20" t="s">
        <v>835</v>
      </c>
      <c r="E54" s="20" t="s">
        <v>836</v>
      </c>
      <c r="F54" s="6"/>
      <c r="G54" s="53" t="s">
        <v>31</v>
      </c>
      <c r="H54" s="24">
        <v>6609.6</v>
      </c>
    </row>
    <row r="55" spans="1:8" ht="30" customHeight="1" x14ac:dyDescent="0.2">
      <c r="A55" s="16" t="s">
        <v>43</v>
      </c>
      <c r="B55" s="69"/>
      <c r="C55" s="64" t="s">
        <v>63</v>
      </c>
      <c r="D55" s="20" t="s">
        <v>247</v>
      </c>
      <c r="E55" s="20" t="s">
        <v>42</v>
      </c>
      <c r="F55" s="32"/>
      <c r="G55" s="53" t="s">
        <v>31</v>
      </c>
      <c r="H55" s="24">
        <v>4968</v>
      </c>
    </row>
    <row r="56" spans="1:8" ht="30" customHeight="1" x14ac:dyDescent="0.2">
      <c r="A56" s="16" t="s">
        <v>43</v>
      </c>
      <c r="B56" s="69"/>
      <c r="C56" s="64" t="s">
        <v>64</v>
      </c>
      <c r="D56" s="20" t="s">
        <v>247</v>
      </c>
      <c r="E56" s="20" t="s">
        <v>804</v>
      </c>
      <c r="F56" s="6"/>
      <c r="G56" s="53" t="s">
        <v>31</v>
      </c>
      <c r="H56" s="24">
        <v>4104</v>
      </c>
    </row>
    <row r="57" spans="1:8" ht="30" customHeight="1" x14ac:dyDescent="0.2">
      <c r="A57" s="16" t="s">
        <v>43</v>
      </c>
      <c r="B57" s="69"/>
      <c r="C57" s="64" t="s">
        <v>172</v>
      </c>
      <c r="D57" s="20" t="s">
        <v>514</v>
      </c>
      <c r="E57" s="20" t="s">
        <v>837</v>
      </c>
      <c r="F57" s="6"/>
      <c r="G57" s="53" t="s">
        <v>31</v>
      </c>
      <c r="H57" s="24">
        <v>3024</v>
      </c>
    </row>
    <row r="58" spans="1:8" ht="30" customHeight="1" x14ac:dyDescent="0.2">
      <c r="A58" s="16" t="s">
        <v>43</v>
      </c>
      <c r="B58" s="69"/>
      <c r="C58" s="64" t="s">
        <v>177</v>
      </c>
      <c r="D58" s="20" t="s">
        <v>514</v>
      </c>
      <c r="E58" s="20" t="s">
        <v>40</v>
      </c>
      <c r="F58" s="6"/>
      <c r="G58" s="53" t="s">
        <v>31</v>
      </c>
      <c r="H58" s="24">
        <v>4428</v>
      </c>
    </row>
    <row r="59" spans="1:8" ht="30" customHeight="1" x14ac:dyDescent="0.2">
      <c r="A59" s="16" t="s">
        <v>43</v>
      </c>
      <c r="B59" s="69"/>
      <c r="C59" s="64" t="s">
        <v>560</v>
      </c>
      <c r="D59" s="20" t="s">
        <v>292</v>
      </c>
      <c r="E59" s="20" t="s">
        <v>199</v>
      </c>
      <c r="F59" s="6" t="s">
        <v>562</v>
      </c>
      <c r="G59" s="53" t="s">
        <v>33</v>
      </c>
      <c r="H59" s="24">
        <v>2754</v>
      </c>
    </row>
    <row r="60" spans="1:8" ht="30" customHeight="1" x14ac:dyDescent="0.2">
      <c r="A60" s="16" t="s">
        <v>43</v>
      </c>
      <c r="B60" s="69"/>
      <c r="C60" s="64" t="s">
        <v>560</v>
      </c>
      <c r="D60" s="20" t="s">
        <v>292</v>
      </c>
      <c r="E60" s="20" t="s">
        <v>199</v>
      </c>
      <c r="F60" s="6" t="s">
        <v>673</v>
      </c>
      <c r="G60" s="53" t="s">
        <v>33</v>
      </c>
      <c r="H60" s="24">
        <v>1566</v>
      </c>
    </row>
    <row r="61" spans="1:8" ht="30" customHeight="1" x14ac:dyDescent="0.2">
      <c r="A61" s="16" t="s">
        <v>43</v>
      </c>
      <c r="B61" s="69"/>
      <c r="C61" s="64" t="s">
        <v>506</v>
      </c>
      <c r="D61" s="20" t="s">
        <v>292</v>
      </c>
      <c r="E61" s="20" t="s">
        <v>199</v>
      </c>
      <c r="F61" s="6" t="s">
        <v>673</v>
      </c>
      <c r="G61" s="53" t="s">
        <v>33</v>
      </c>
      <c r="H61" s="24">
        <v>1458</v>
      </c>
    </row>
    <row r="62" spans="1:8" ht="30" customHeight="1" x14ac:dyDescent="0.2">
      <c r="A62" s="16" t="s">
        <v>43</v>
      </c>
      <c r="B62" s="69"/>
      <c r="C62" s="64" t="s">
        <v>648</v>
      </c>
      <c r="D62" s="20" t="s">
        <v>693</v>
      </c>
      <c r="E62" s="20" t="s">
        <v>838</v>
      </c>
      <c r="F62" s="6" t="s">
        <v>679</v>
      </c>
      <c r="G62" s="53" t="s">
        <v>33</v>
      </c>
      <c r="H62" s="24">
        <v>91.8</v>
      </c>
    </row>
    <row r="63" spans="1:8" ht="30" customHeight="1" x14ac:dyDescent="0.2">
      <c r="A63" s="16" t="s">
        <v>43</v>
      </c>
      <c r="B63" s="69"/>
      <c r="C63" s="64" t="s">
        <v>649</v>
      </c>
      <c r="D63" s="20" t="s">
        <v>291</v>
      </c>
      <c r="E63" s="20" t="s">
        <v>188</v>
      </c>
      <c r="F63" s="6"/>
      <c r="G63" s="53" t="s">
        <v>31</v>
      </c>
      <c r="H63" s="24">
        <v>672.84</v>
      </c>
    </row>
    <row r="64" spans="1:8" ht="30" customHeight="1" x14ac:dyDescent="0.2">
      <c r="A64" s="16" t="s">
        <v>43</v>
      </c>
      <c r="B64" s="69"/>
      <c r="C64" s="64" t="s">
        <v>65</v>
      </c>
      <c r="D64" s="20" t="s">
        <v>839</v>
      </c>
      <c r="E64" s="20" t="s">
        <v>840</v>
      </c>
      <c r="F64" s="6" t="s">
        <v>841</v>
      </c>
      <c r="G64" s="53" t="s">
        <v>31</v>
      </c>
      <c r="H64" s="24">
        <v>6642</v>
      </c>
    </row>
    <row r="65" spans="1:8" ht="30" customHeight="1" x14ac:dyDescent="0.2">
      <c r="A65" s="16" t="s">
        <v>43</v>
      </c>
      <c r="B65" s="69"/>
      <c r="C65" s="64" t="s">
        <v>667</v>
      </c>
      <c r="D65" s="20" t="s">
        <v>839</v>
      </c>
      <c r="E65" s="20" t="s">
        <v>842</v>
      </c>
      <c r="F65" s="6" t="s">
        <v>546</v>
      </c>
      <c r="G65" s="53" t="s">
        <v>33</v>
      </c>
      <c r="H65" s="24">
        <v>1868.4</v>
      </c>
    </row>
    <row r="66" spans="1:8" ht="30" customHeight="1" x14ac:dyDescent="0.2">
      <c r="A66" s="16" t="s">
        <v>43</v>
      </c>
      <c r="B66" s="69"/>
      <c r="C66" s="64" t="s">
        <v>66</v>
      </c>
      <c r="D66" s="20" t="s">
        <v>514</v>
      </c>
      <c r="E66" s="20" t="s">
        <v>843</v>
      </c>
      <c r="F66" s="6" t="s">
        <v>844</v>
      </c>
      <c r="G66" s="53" t="s">
        <v>31</v>
      </c>
      <c r="H66" s="24">
        <v>1598.4</v>
      </c>
    </row>
    <row r="67" spans="1:8" ht="30" customHeight="1" x14ac:dyDescent="0.2">
      <c r="A67" s="16" t="s">
        <v>43</v>
      </c>
      <c r="B67" s="69"/>
      <c r="C67" s="64" t="s">
        <v>112</v>
      </c>
      <c r="D67" s="20" t="s">
        <v>110</v>
      </c>
      <c r="E67" s="20" t="s">
        <v>188</v>
      </c>
      <c r="F67" s="6" t="s">
        <v>680</v>
      </c>
      <c r="G67" s="53" t="s">
        <v>70</v>
      </c>
      <c r="H67" s="24">
        <v>950.4</v>
      </c>
    </row>
    <row r="68" spans="1:8" ht="30" customHeight="1" x14ac:dyDescent="0.2">
      <c r="A68" s="16" t="s">
        <v>43</v>
      </c>
      <c r="B68" s="69"/>
      <c r="C68" s="64" t="s">
        <v>160</v>
      </c>
      <c r="D68" s="20" t="s">
        <v>540</v>
      </c>
      <c r="E68" s="20" t="s">
        <v>188</v>
      </c>
      <c r="F68" s="6" t="s">
        <v>845</v>
      </c>
      <c r="G68" s="53" t="s">
        <v>70</v>
      </c>
      <c r="H68" s="24">
        <v>676.08</v>
      </c>
    </row>
    <row r="69" spans="1:8" ht="30" customHeight="1" x14ac:dyDescent="0.2">
      <c r="A69" s="16" t="s">
        <v>43</v>
      </c>
      <c r="B69" s="69"/>
      <c r="C69" s="64" t="s">
        <v>160</v>
      </c>
      <c r="D69" s="20" t="s">
        <v>540</v>
      </c>
      <c r="E69" s="20" t="s">
        <v>188</v>
      </c>
      <c r="F69" s="6" t="s">
        <v>846</v>
      </c>
      <c r="G69" s="53" t="s">
        <v>70</v>
      </c>
      <c r="H69" s="24">
        <v>156.6</v>
      </c>
    </row>
    <row r="70" spans="1:8" ht="30" customHeight="1" x14ac:dyDescent="0.2">
      <c r="A70" s="16" t="s">
        <v>43</v>
      </c>
      <c r="B70" s="69"/>
      <c r="C70" s="64" t="s">
        <v>650</v>
      </c>
      <c r="D70" s="20" t="s">
        <v>694</v>
      </c>
      <c r="E70" s="20" t="s">
        <v>40</v>
      </c>
      <c r="F70" s="6" t="s">
        <v>562</v>
      </c>
      <c r="G70" s="53" t="s">
        <v>31</v>
      </c>
      <c r="H70" s="24">
        <v>4536</v>
      </c>
    </row>
    <row r="71" spans="1:8" ht="30" customHeight="1" x14ac:dyDescent="0.2">
      <c r="A71" s="16" t="s">
        <v>43</v>
      </c>
      <c r="B71" s="69"/>
      <c r="C71" s="64" t="s">
        <v>650</v>
      </c>
      <c r="D71" s="20" t="s">
        <v>694</v>
      </c>
      <c r="E71" s="20" t="s">
        <v>40</v>
      </c>
      <c r="F71" s="6" t="s">
        <v>847</v>
      </c>
      <c r="G71" s="53" t="s">
        <v>848</v>
      </c>
      <c r="H71" s="24">
        <v>2376</v>
      </c>
    </row>
    <row r="72" spans="1:8" ht="30" customHeight="1" x14ac:dyDescent="0.2">
      <c r="A72" s="16" t="s">
        <v>43</v>
      </c>
      <c r="B72" s="69"/>
      <c r="C72" s="64" t="s">
        <v>528</v>
      </c>
      <c r="D72" s="20" t="s">
        <v>123</v>
      </c>
      <c r="E72" s="20" t="s">
        <v>269</v>
      </c>
      <c r="F72" s="6" t="s">
        <v>849</v>
      </c>
      <c r="G72" s="53" t="s">
        <v>32</v>
      </c>
      <c r="H72" s="24">
        <v>361.8</v>
      </c>
    </row>
    <row r="73" spans="1:8" ht="30" customHeight="1" x14ac:dyDescent="0.2">
      <c r="A73" s="16" t="s">
        <v>43</v>
      </c>
      <c r="B73" s="69"/>
      <c r="C73" s="64" t="s">
        <v>651</v>
      </c>
      <c r="D73" s="20" t="s">
        <v>44</v>
      </c>
      <c r="E73" s="20" t="s">
        <v>42</v>
      </c>
      <c r="F73" s="6" t="s">
        <v>562</v>
      </c>
      <c r="G73" s="53" t="s">
        <v>33</v>
      </c>
      <c r="H73" s="24">
        <v>1285.2</v>
      </c>
    </row>
    <row r="74" spans="1:8" ht="30" customHeight="1" x14ac:dyDescent="0.2">
      <c r="A74" s="16" t="s">
        <v>43</v>
      </c>
      <c r="B74" s="69"/>
      <c r="C74" s="64" t="s">
        <v>173</v>
      </c>
      <c r="D74" s="20" t="s">
        <v>850</v>
      </c>
      <c r="E74" s="20" t="s">
        <v>111</v>
      </c>
      <c r="F74" s="6" t="s">
        <v>562</v>
      </c>
      <c r="G74" s="53" t="s">
        <v>31</v>
      </c>
      <c r="H74" s="24">
        <v>1830.6</v>
      </c>
    </row>
    <row r="75" spans="1:8" ht="30" customHeight="1" x14ac:dyDescent="0.2">
      <c r="A75" s="16" t="s">
        <v>43</v>
      </c>
      <c r="B75" s="69"/>
      <c r="C75" s="64" t="s">
        <v>529</v>
      </c>
      <c r="D75" s="20" t="s">
        <v>96</v>
      </c>
      <c r="E75" s="20" t="s">
        <v>42</v>
      </c>
      <c r="F75" s="6" t="s">
        <v>562</v>
      </c>
      <c r="G75" s="53" t="s">
        <v>33</v>
      </c>
      <c r="H75" s="24">
        <v>918</v>
      </c>
    </row>
    <row r="76" spans="1:8" ht="30" customHeight="1" x14ac:dyDescent="0.2">
      <c r="A76" s="16" t="s">
        <v>43</v>
      </c>
      <c r="B76" s="69"/>
      <c r="C76" s="64" t="s">
        <v>501</v>
      </c>
      <c r="D76" s="20" t="s">
        <v>696</v>
      </c>
      <c r="E76" s="20" t="s">
        <v>42</v>
      </c>
      <c r="F76" s="6" t="s">
        <v>562</v>
      </c>
      <c r="G76" s="53" t="s">
        <v>33</v>
      </c>
      <c r="H76" s="24">
        <v>1404</v>
      </c>
    </row>
    <row r="77" spans="1:8" ht="30" customHeight="1" x14ac:dyDescent="0.2">
      <c r="A77" s="16" t="s">
        <v>43</v>
      </c>
      <c r="B77" s="69"/>
      <c r="C77" s="64" t="s">
        <v>653</v>
      </c>
      <c r="D77" s="20" t="s">
        <v>167</v>
      </c>
      <c r="E77" s="20" t="s">
        <v>35</v>
      </c>
      <c r="F77" s="6" t="s">
        <v>682</v>
      </c>
      <c r="G77" s="53" t="s">
        <v>31</v>
      </c>
      <c r="H77" s="24">
        <v>1679.4</v>
      </c>
    </row>
    <row r="78" spans="1:8" ht="30" customHeight="1" x14ac:dyDescent="0.2">
      <c r="A78" s="16" t="s">
        <v>43</v>
      </c>
      <c r="B78" s="69"/>
      <c r="C78" s="64" t="s">
        <v>669</v>
      </c>
      <c r="D78" s="20" t="s">
        <v>46</v>
      </c>
      <c r="E78" s="20" t="s">
        <v>188</v>
      </c>
      <c r="F78" s="6" t="s">
        <v>682</v>
      </c>
      <c r="G78" s="53" t="s">
        <v>33</v>
      </c>
      <c r="H78" s="24">
        <v>939.6</v>
      </c>
    </row>
    <row r="79" spans="1:8" ht="30" customHeight="1" x14ac:dyDescent="0.2">
      <c r="A79" s="16" t="s">
        <v>43</v>
      </c>
      <c r="B79" s="69"/>
      <c r="C79" s="64" t="s">
        <v>671</v>
      </c>
      <c r="D79" s="20" t="s">
        <v>46</v>
      </c>
      <c r="E79" s="20" t="s">
        <v>851</v>
      </c>
      <c r="F79" s="6" t="s">
        <v>682</v>
      </c>
      <c r="G79" s="53" t="s">
        <v>33</v>
      </c>
      <c r="H79" s="24">
        <v>1555.2</v>
      </c>
    </row>
    <row r="80" spans="1:8" ht="30" customHeight="1" x14ac:dyDescent="0.2">
      <c r="A80" s="16" t="s">
        <v>43</v>
      </c>
      <c r="B80" s="69"/>
      <c r="C80" s="64" t="s">
        <v>119</v>
      </c>
      <c r="D80" s="20" t="s">
        <v>46</v>
      </c>
      <c r="E80" s="20" t="s">
        <v>852</v>
      </c>
      <c r="F80" s="6" t="s">
        <v>682</v>
      </c>
      <c r="G80" s="53" t="s">
        <v>33</v>
      </c>
      <c r="H80" s="24">
        <v>1490.4</v>
      </c>
    </row>
    <row r="81" spans="1:8" ht="30" customHeight="1" x14ac:dyDescent="0.2">
      <c r="A81" s="16" t="s">
        <v>43</v>
      </c>
      <c r="B81" s="69"/>
      <c r="C81" s="64" t="s">
        <v>120</v>
      </c>
      <c r="D81" s="20" t="s">
        <v>697</v>
      </c>
      <c r="E81" s="20" t="s">
        <v>853</v>
      </c>
      <c r="F81" s="6" t="s">
        <v>449</v>
      </c>
      <c r="G81" s="53" t="s">
        <v>71</v>
      </c>
      <c r="H81" s="24">
        <v>24.3</v>
      </c>
    </row>
    <row r="82" spans="1:8" ht="30" customHeight="1" x14ac:dyDescent="0.2">
      <c r="A82" s="16" t="s">
        <v>43</v>
      </c>
      <c r="B82" s="69"/>
      <c r="C82" s="64" t="s">
        <v>121</v>
      </c>
      <c r="D82" s="20" t="s">
        <v>212</v>
      </c>
      <c r="E82" s="20" t="s">
        <v>854</v>
      </c>
      <c r="F82" s="6" t="s">
        <v>605</v>
      </c>
      <c r="G82" s="53" t="s">
        <v>71</v>
      </c>
      <c r="H82" s="24">
        <v>16.2</v>
      </c>
    </row>
    <row r="83" spans="1:8" ht="30" customHeight="1" x14ac:dyDescent="0.2">
      <c r="A83" s="16" t="s">
        <v>43</v>
      </c>
      <c r="B83" s="69"/>
      <c r="C83" s="64" t="s">
        <v>530</v>
      </c>
      <c r="D83" s="20" t="s">
        <v>541</v>
      </c>
      <c r="E83" s="20" t="s">
        <v>855</v>
      </c>
      <c r="F83" s="6" t="s">
        <v>675</v>
      </c>
      <c r="G83" s="53" t="s">
        <v>71</v>
      </c>
      <c r="H83" s="24">
        <v>82.08</v>
      </c>
    </row>
    <row r="84" spans="1:8" ht="30" customHeight="1" x14ac:dyDescent="0.2">
      <c r="A84" s="16" t="s">
        <v>125</v>
      </c>
      <c r="B84" s="69"/>
      <c r="C84" s="64" t="s">
        <v>418</v>
      </c>
      <c r="D84" s="20" t="s">
        <v>165</v>
      </c>
      <c r="E84" s="20" t="s">
        <v>97</v>
      </c>
      <c r="F84" s="6" t="s">
        <v>856</v>
      </c>
      <c r="G84" s="53" t="s">
        <v>31</v>
      </c>
      <c r="H84" s="24">
        <v>528.12</v>
      </c>
    </row>
    <row r="85" spans="1:8" ht="30" customHeight="1" x14ac:dyDescent="0.2">
      <c r="A85" s="16" t="s">
        <v>125</v>
      </c>
      <c r="B85" s="69"/>
      <c r="C85" s="64" t="s">
        <v>536</v>
      </c>
      <c r="D85" s="20" t="s">
        <v>857</v>
      </c>
      <c r="E85" s="20" t="s">
        <v>330</v>
      </c>
      <c r="F85" s="6" t="s">
        <v>858</v>
      </c>
      <c r="G85" s="77" t="s">
        <v>31</v>
      </c>
      <c r="H85" s="24">
        <v>734.4</v>
      </c>
    </row>
    <row r="86" spans="1:8" ht="30" customHeight="1" x14ac:dyDescent="0.2">
      <c r="A86" s="16" t="s">
        <v>125</v>
      </c>
      <c r="B86" s="69"/>
      <c r="C86" s="64" t="s">
        <v>631</v>
      </c>
      <c r="D86" s="20" t="s">
        <v>684</v>
      </c>
      <c r="E86" s="20" t="s">
        <v>859</v>
      </c>
      <c r="F86" s="6" t="s">
        <v>8</v>
      </c>
      <c r="G86" s="77" t="s">
        <v>33</v>
      </c>
      <c r="H86" s="24">
        <v>1317.6</v>
      </c>
    </row>
    <row r="87" spans="1:8" ht="30" customHeight="1" x14ac:dyDescent="0.2">
      <c r="A87" s="16" t="s">
        <v>125</v>
      </c>
      <c r="B87" s="69"/>
      <c r="C87" s="64" t="s">
        <v>498</v>
      </c>
      <c r="D87" s="20" t="s">
        <v>684</v>
      </c>
      <c r="E87" s="20" t="s">
        <v>859</v>
      </c>
      <c r="F87" s="6" t="s">
        <v>8</v>
      </c>
      <c r="G87" s="77" t="s">
        <v>31</v>
      </c>
      <c r="H87" s="24">
        <v>1944</v>
      </c>
    </row>
    <row r="88" spans="1:8" ht="30" customHeight="1" x14ac:dyDescent="0.2">
      <c r="A88" s="16" t="s">
        <v>125</v>
      </c>
      <c r="B88" s="69"/>
      <c r="C88" s="64" t="s">
        <v>632</v>
      </c>
      <c r="D88" s="20" t="s">
        <v>684</v>
      </c>
      <c r="E88" s="20" t="s">
        <v>859</v>
      </c>
      <c r="F88" s="6" t="s">
        <v>8</v>
      </c>
      <c r="G88" s="77" t="s">
        <v>31</v>
      </c>
      <c r="H88" s="24">
        <v>1944</v>
      </c>
    </row>
    <row r="89" spans="1:8" ht="30" customHeight="1" x14ac:dyDescent="0.2">
      <c r="A89" s="16" t="s">
        <v>125</v>
      </c>
      <c r="B89" s="69"/>
      <c r="C89" s="64" t="s">
        <v>657</v>
      </c>
      <c r="D89" s="20" t="s">
        <v>272</v>
      </c>
      <c r="E89" s="20" t="s">
        <v>860</v>
      </c>
      <c r="F89" s="6"/>
      <c r="G89" s="77" t="s">
        <v>31</v>
      </c>
      <c r="H89" s="24">
        <v>288.36</v>
      </c>
    </row>
    <row r="90" spans="1:8" ht="30" customHeight="1" x14ac:dyDescent="0.2">
      <c r="A90" s="16" t="s">
        <v>125</v>
      </c>
      <c r="B90" s="69"/>
      <c r="C90" s="64" t="s">
        <v>658</v>
      </c>
      <c r="D90" s="20" t="s">
        <v>272</v>
      </c>
      <c r="E90" s="20" t="s">
        <v>860</v>
      </c>
      <c r="F90" s="6" t="s">
        <v>861</v>
      </c>
      <c r="G90" s="77" t="s">
        <v>31</v>
      </c>
      <c r="H90" s="24">
        <v>599.4</v>
      </c>
    </row>
    <row r="91" spans="1:8" ht="30" customHeight="1" x14ac:dyDescent="0.2">
      <c r="A91" s="16" t="s">
        <v>125</v>
      </c>
      <c r="B91" s="69"/>
      <c r="C91" s="64" t="s">
        <v>659</v>
      </c>
      <c r="D91" s="20" t="s">
        <v>272</v>
      </c>
      <c r="E91" s="20" t="s">
        <v>97</v>
      </c>
      <c r="F91" s="6"/>
      <c r="G91" s="77" t="s">
        <v>31</v>
      </c>
      <c r="H91" s="24">
        <v>626.4</v>
      </c>
    </row>
    <row r="92" spans="1:8" ht="30" customHeight="1" x14ac:dyDescent="0.2">
      <c r="A92" s="16" t="s">
        <v>125</v>
      </c>
      <c r="B92" s="69"/>
      <c r="C92" s="64" t="s">
        <v>660</v>
      </c>
      <c r="D92" s="20" t="s">
        <v>862</v>
      </c>
      <c r="E92" s="20" t="s">
        <v>404</v>
      </c>
      <c r="F92" s="6" t="s">
        <v>863</v>
      </c>
      <c r="G92" s="77" t="s">
        <v>71</v>
      </c>
      <c r="H92" s="24">
        <v>50.76</v>
      </c>
    </row>
    <row r="93" spans="1:8" ht="30" customHeight="1" x14ac:dyDescent="0.2">
      <c r="A93" s="16" t="s">
        <v>125</v>
      </c>
      <c r="B93" s="69"/>
      <c r="C93" s="64" t="s">
        <v>636</v>
      </c>
      <c r="D93" s="20" t="s">
        <v>168</v>
      </c>
      <c r="E93" s="20" t="s">
        <v>864</v>
      </c>
      <c r="F93" s="6" t="s">
        <v>102</v>
      </c>
      <c r="G93" s="77" t="s">
        <v>31</v>
      </c>
      <c r="H93" s="24">
        <v>842.4</v>
      </c>
    </row>
    <row r="94" spans="1:8" ht="30" customHeight="1" x14ac:dyDescent="0.2">
      <c r="A94" s="16" t="s">
        <v>125</v>
      </c>
      <c r="B94" s="69"/>
      <c r="C94" s="64" t="s">
        <v>661</v>
      </c>
      <c r="D94" s="20" t="s">
        <v>168</v>
      </c>
      <c r="E94" s="20" t="s">
        <v>865</v>
      </c>
      <c r="F94" s="6" t="s">
        <v>866</v>
      </c>
      <c r="G94" s="77" t="s">
        <v>71</v>
      </c>
      <c r="H94" s="24">
        <v>49.68</v>
      </c>
    </row>
    <row r="95" spans="1:8" ht="30" customHeight="1" x14ac:dyDescent="0.2">
      <c r="A95" s="16" t="s">
        <v>125</v>
      </c>
      <c r="B95" s="69"/>
      <c r="C95" s="64" t="s">
        <v>251</v>
      </c>
      <c r="D95" s="20" t="s">
        <v>168</v>
      </c>
      <c r="E95" s="15" t="s">
        <v>181</v>
      </c>
      <c r="F95" s="6" t="s">
        <v>99</v>
      </c>
      <c r="G95" s="53" t="s">
        <v>71</v>
      </c>
      <c r="H95" s="24">
        <v>38.880000000000003</v>
      </c>
    </row>
    <row r="96" spans="1:8" ht="30" customHeight="1" x14ac:dyDescent="0.2">
      <c r="A96" s="16" t="s">
        <v>125</v>
      </c>
      <c r="B96" s="69"/>
      <c r="C96" s="64" t="s">
        <v>537</v>
      </c>
      <c r="D96" s="20" t="s">
        <v>168</v>
      </c>
      <c r="E96" s="15" t="s">
        <v>867</v>
      </c>
      <c r="F96" s="6" t="s">
        <v>99</v>
      </c>
      <c r="G96" s="53" t="s">
        <v>71</v>
      </c>
      <c r="H96" s="24">
        <v>46.44</v>
      </c>
    </row>
    <row r="97" spans="1:8" ht="30" customHeight="1" x14ac:dyDescent="0.2">
      <c r="A97" s="16" t="s">
        <v>125</v>
      </c>
      <c r="B97" s="69"/>
      <c r="C97" s="64" t="s">
        <v>56</v>
      </c>
      <c r="D97" s="20" t="s">
        <v>868</v>
      </c>
      <c r="E97" s="20" t="s">
        <v>40</v>
      </c>
      <c r="F97" s="6"/>
      <c r="G97" s="77" t="s">
        <v>31</v>
      </c>
      <c r="H97" s="24">
        <v>1566</v>
      </c>
    </row>
    <row r="98" spans="1:8" ht="30" customHeight="1" x14ac:dyDescent="0.2">
      <c r="A98" s="16" t="s">
        <v>125</v>
      </c>
      <c r="B98" s="69"/>
      <c r="C98" s="64" t="s">
        <v>503</v>
      </c>
      <c r="D98" s="20" t="s">
        <v>868</v>
      </c>
      <c r="E98" s="20" t="s">
        <v>40</v>
      </c>
      <c r="F98" s="6"/>
      <c r="G98" s="77" t="s">
        <v>31</v>
      </c>
      <c r="H98" s="24">
        <v>1566</v>
      </c>
    </row>
    <row r="99" spans="1:8" ht="30" customHeight="1" x14ac:dyDescent="0.2">
      <c r="A99" s="16" t="s">
        <v>125</v>
      </c>
      <c r="B99" s="69"/>
      <c r="C99" s="64" t="s">
        <v>504</v>
      </c>
      <c r="D99" s="20" t="s">
        <v>868</v>
      </c>
      <c r="E99" s="20" t="s">
        <v>40</v>
      </c>
      <c r="F99" s="6"/>
      <c r="G99" s="77" t="s">
        <v>31</v>
      </c>
      <c r="H99" s="24">
        <v>1134</v>
      </c>
    </row>
    <row r="100" spans="1:8" ht="30" customHeight="1" x14ac:dyDescent="0.2">
      <c r="A100" s="16" t="s">
        <v>125</v>
      </c>
      <c r="B100" s="69"/>
      <c r="C100" s="64" t="s">
        <v>662</v>
      </c>
      <c r="D100" s="20" t="s">
        <v>868</v>
      </c>
      <c r="E100" s="20" t="s">
        <v>40</v>
      </c>
      <c r="F100" s="6"/>
      <c r="G100" s="77" t="s">
        <v>31</v>
      </c>
      <c r="H100" s="24">
        <v>1350</v>
      </c>
    </row>
    <row r="101" spans="1:8" ht="30" customHeight="1" x14ac:dyDescent="0.2">
      <c r="A101" s="16" t="s">
        <v>125</v>
      </c>
      <c r="B101" s="69"/>
      <c r="C101" s="64" t="s">
        <v>663</v>
      </c>
      <c r="D101" s="20" t="s">
        <v>868</v>
      </c>
      <c r="E101" s="20" t="s">
        <v>40</v>
      </c>
      <c r="F101" s="6"/>
      <c r="G101" s="77" t="s">
        <v>31</v>
      </c>
      <c r="H101" s="24">
        <v>1350</v>
      </c>
    </row>
    <row r="102" spans="1:8" ht="30" customHeight="1" x14ac:dyDescent="0.2">
      <c r="A102" s="16" t="s">
        <v>125</v>
      </c>
      <c r="B102" s="69"/>
      <c r="C102" s="64" t="s">
        <v>643</v>
      </c>
      <c r="D102" s="20" t="s">
        <v>75</v>
      </c>
      <c r="E102" s="20" t="s">
        <v>869</v>
      </c>
      <c r="F102" s="8" t="s">
        <v>561</v>
      </c>
      <c r="G102" s="77" t="s">
        <v>71</v>
      </c>
      <c r="H102" s="24">
        <v>34.56</v>
      </c>
    </row>
    <row r="103" spans="1:8" ht="30" customHeight="1" x14ac:dyDescent="0.2">
      <c r="A103" s="16" t="s">
        <v>125</v>
      </c>
      <c r="B103" s="69"/>
      <c r="C103" s="64" t="s">
        <v>644</v>
      </c>
      <c r="D103" s="20" t="s">
        <v>687</v>
      </c>
      <c r="E103" s="20" t="s">
        <v>193</v>
      </c>
      <c r="F103" s="6" t="s">
        <v>512</v>
      </c>
      <c r="G103" s="77" t="s">
        <v>71</v>
      </c>
      <c r="H103" s="24">
        <v>939.6</v>
      </c>
    </row>
    <row r="104" spans="1:8" ht="30" customHeight="1" x14ac:dyDescent="0.2">
      <c r="A104" s="16" t="s">
        <v>125</v>
      </c>
      <c r="B104" s="69"/>
      <c r="C104" s="64" t="s">
        <v>527</v>
      </c>
      <c r="D104" s="20" t="s">
        <v>75</v>
      </c>
      <c r="E104" s="20" t="s">
        <v>870</v>
      </c>
      <c r="F104" s="6" t="s">
        <v>544</v>
      </c>
      <c r="G104" s="77" t="s">
        <v>71</v>
      </c>
      <c r="H104" s="24">
        <v>29.7</v>
      </c>
    </row>
    <row r="105" spans="1:8" ht="30" customHeight="1" x14ac:dyDescent="0.2">
      <c r="A105" s="16" t="s">
        <v>125</v>
      </c>
      <c r="B105" s="69"/>
      <c r="C105" s="64" t="s">
        <v>224</v>
      </c>
      <c r="D105" s="20" t="s">
        <v>165</v>
      </c>
      <c r="E105" s="20" t="s">
        <v>871</v>
      </c>
      <c r="F105" s="6" t="s">
        <v>8</v>
      </c>
      <c r="G105" s="77" t="s">
        <v>33</v>
      </c>
      <c r="H105" s="24">
        <v>1242</v>
      </c>
    </row>
    <row r="106" spans="1:8" ht="30" customHeight="1" x14ac:dyDescent="0.2">
      <c r="A106" s="16" t="s">
        <v>125</v>
      </c>
      <c r="B106" s="69"/>
      <c r="C106" s="64" t="s">
        <v>58</v>
      </c>
      <c r="D106" s="20" t="s">
        <v>872</v>
      </c>
      <c r="E106" s="20" t="s">
        <v>127</v>
      </c>
      <c r="F106" s="6" t="s">
        <v>873</v>
      </c>
      <c r="G106" s="77" t="s">
        <v>31</v>
      </c>
      <c r="H106" s="24">
        <v>274.32</v>
      </c>
    </row>
    <row r="107" spans="1:8" ht="30" customHeight="1" x14ac:dyDescent="0.2">
      <c r="A107" s="16" t="s">
        <v>125</v>
      </c>
      <c r="B107" s="69"/>
      <c r="C107" s="64" t="s">
        <v>513</v>
      </c>
      <c r="D107" s="20" t="s">
        <v>165</v>
      </c>
      <c r="E107" s="20" t="s">
        <v>127</v>
      </c>
      <c r="F107" s="6" t="s">
        <v>873</v>
      </c>
      <c r="G107" s="77" t="s">
        <v>31</v>
      </c>
      <c r="H107" s="24">
        <v>313.2</v>
      </c>
    </row>
    <row r="108" spans="1:8" ht="30" customHeight="1" x14ac:dyDescent="0.2">
      <c r="A108" s="16" t="s">
        <v>125</v>
      </c>
      <c r="B108" s="69"/>
      <c r="C108" s="64" t="s">
        <v>59</v>
      </c>
      <c r="D108" s="20" t="s">
        <v>165</v>
      </c>
      <c r="E108" s="20" t="s">
        <v>97</v>
      </c>
      <c r="F108" s="6" t="s">
        <v>673</v>
      </c>
      <c r="G108" s="77" t="s">
        <v>31</v>
      </c>
      <c r="H108" s="24">
        <v>1058.4000000000001</v>
      </c>
    </row>
    <row r="109" spans="1:8" ht="30" customHeight="1" x14ac:dyDescent="0.2">
      <c r="A109" s="16" t="s">
        <v>125</v>
      </c>
      <c r="B109" s="69"/>
      <c r="C109" s="64" t="s">
        <v>666</v>
      </c>
      <c r="D109" s="20" t="s">
        <v>874</v>
      </c>
      <c r="E109" s="20" t="s">
        <v>111</v>
      </c>
      <c r="F109" s="6" t="s">
        <v>673</v>
      </c>
      <c r="G109" s="77" t="s">
        <v>31</v>
      </c>
      <c r="H109" s="24">
        <v>1512</v>
      </c>
    </row>
    <row r="110" spans="1:8" ht="30" customHeight="1" x14ac:dyDescent="0.2">
      <c r="A110" s="16" t="s">
        <v>125</v>
      </c>
      <c r="B110" s="69"/>
      <c r="C110" s="64" t="s">
        <v>157</v>
      </c>
      <c r="D110" s="20" t="s">
        <v>621</v>
      </c>
      <c r="E110" s="20" t="s">
        <v>111</v>
      </c>
      <c r="F110" s="6" t="s">
        <v>8</v>
      </c>
      <c r="G110" s="77" t="s">
        <v>33</v>
      </c>
      <c r="H110" s="24">
        <v>719.28</v>
      </c>
    </row>
    <row r="111" spans="1:8" ht="30" customHeight="1" x14ac:dyDescent="0.2">
      <c r="A111" s="16" t="s">
        <v>125</v>
      </c>
      <c r="B111" s="69"/>
      <c r="C111" s="64" t="s">
        <v>157</v>
      </c>
      <c r="D111" s="20" t="s">
        <v>621</v>
      </c>
      <c r="E111" s="20" t="s">
        <v>111</v>
      </c>
      <c r="F111" s="6" t="s">
        <v>875</v>
      </c>
      <c r="G111" s="77" t="s">
        <v>33</v>
      </c>
      <c r="H111" s="24">
        <v>270</v>
      </c>
    </row>
    <row r="112" spans="1:8" ht="30" customHeight="1" x14ac:dyDescent="0.2">
      <c r="A112" s="16" t="s">
        <v>125</v>
      </c>
      <c r="B112" s="69"/>
      <c r="C112" s="64" t="s">
        <v>158</v>
      </c>
      <c r="D112" s="20" t="s">
        <v>165</v>
      </c>
      <c r="E112" s="20" t="s">
        <v>876</v>
      </c>
      <c r="F112" s="6"/>
      <c r="G112" s="77" t="s">
        <v>31</v>
      </c>
      <c r="H112" s="24">
        <v>537.84</v>
      </c>
    </row>
    <row r="113" spans="1:8" ht="30" customHeight="1" x14ac:dyDescent="0.2">
      <c r="A113" s="16" t="s">
        <v>125</v>
      </c>
      <c r="B113" s="69"/>
      <c r="C113" s="64" t="s">
        <v>646</v>
      </c>
      <c r="D113" s="20" t="s">
        <v>515</v>
      </c>
      <c r="E113" s="20" t="s">
        <v>876</v>
      </c>
      <c r="F113" s="6" t="s">
        <v>98</v>
      </c>
      <c r="G113" s="77" t="s">
        <v>33</v>
      </c>
      <c r="H113" s="24">
        <v>324</v>
      </c>
    </row>
    <row r="114" spans="1:8" ht="30" customHeight="1" x14ac:dyDescent="0.2">
      <c r="A114" s="16" t="s">
        <v>125</v>
      </c>
      <c r="B114" s="69"/>
      <c r="C114" s="64" t="s">
        <v>60</v>
      </c>
      <c r="D114" s="20" t="s">
        <v>165</v>
      </c>
      <c r="E114" s="20" t="s">
        <v>876</v>
      </c>
      <c r="F114" s="6" t="s">
        <v>8</v>
      </c>
      <c r="G114" s="77" t="s">
        <v>31</v>
      </c>
      <c r="H114" s="24">
        <v>515.16</v>
      </c>
    </row>
    <row r="115" spans="1:8" ht="30" customHeight="1" x14ac:dyDescent="0.2">
      <c r="A115" s="16" t="s">
        <v>125</v>
      </c>
      <c r="B115" s="69"/>
      <c r="C115" s="64" t="s">
        <v>51</v>
      </c>
      <c r="D115" s="20" t="s">
        <v>236</v>
      </c>
      <c r="E115" s="20" t="s">
        <v>854</v>
      </c>
      <c r="F115" s="6" t="s">
        <v>546</v>
      </c>
      <c r="G115" s="77" t="s">
        <v>31</v>
      </c>
      <c r="H115" s="24">
        <v>3321</v>
      </c>
    </row>
    <row r="116" spans="1:8" ht="30" customHeight="1" x14ac:dyDescent="0.2">
      <c r="A116" s="16" t="s">
        <v>125</v>
      </c>
      <c r="B116" s="69"/>
      <c r="C116" s="64" t="s">
        <v>93</v>
      </c>
      <c r="D116" s="20" t="s">
        <v>47</v>
      </c>
      <c r="E116" s="20" t="s">
        <v>877</v>
      </c>
      <c r="F116" s="32" t="s">
        <v>546</v>
      </c>
      <c r="G116" s="77" t="s">
        <v>31</v>
      </c>
      <c r="H116" s="24">
        <v>8780.4</v>
      </c>
    </row>
    <row r="117" spans="1:8" ht="30" customHeight="1" x14ac:dyDescent="0.2">
      <c r="A117" s="16" t="s">
        <v>125</v>
      </c>
      <c r="B117" s="69"/>
      <c r="C117" s="64" t="s">
        <v>446</v>
      </c>
      <c r="D117" s="20" t="s">
        <v>298</v>
      </c>
      <c r="E117" s="20" t="s">
        <v>341</v>
      </c>
      <c r="F117" s="8" t="s">
        <v>683</v>
      </c>
      <c r="G117" s="77" t="s">
        <v>33</v>
      </c>
      <c r="H117" s="24">
        <v>702</v>
      </c>
    </row>
    <row r="118" spans="1:8" ht="30" customHeight="1" x14ac:dyDescent="0.2">
      <c r="A118" s="16" t="s">
        <v>125</v>
      </c>
      <c r="B118" s="69"/>
      <c r="C118" s="64" t="s">
        <v>227</v>
      </c>
      <c r="D118" s="20" t="s">
        <v>47</v>
      </c>
      <c r="E118" s="20" t="s">
        <v>878</v>
      </c>
      <c r="F118" s="6" t="s">
        <v>879</v>
      </c>
      <c r="G118" s="77" t="s">
        <v>32</v>
      </c>
      <c r="H118" s="24">
        <v>1425.6</v>
      </c>
    </row>
    <row r="119" spans="1:8" ht="30" customHeight="1" x14ac:dyDescent="0.2">
      <c r="A119" s="16" t="s">
        <v>125</v>
      </c>
      <c r="B119" s="69"/>
      <c r="C119" s="64" t="s">
        <v>227</v>
      </c>
      <c r="D119" s="20" t="s">
        <v>47</v>
      </c>
      <c r="E119" s="20" t="s">
        <v>878</v>
      </c>
      <c r="F119" s="6" t="s">
        <v>232</v>
      </c>
      <c r="G119" s="77" t="s">
        <v>32</v>
      </c>
      <c r="H119" s="24">
        <v>382.32</v>
      </c>
    </row>
    <row r="120" spans="1:8" ht="30" customHeight="1" x14ac:dyDescent="0.2">
      <c r="A120" s="16" t="s">
        <v>125</v>
      </c>
      <c r="B120" s="70"/>
      <c r="C120" s="64" t="s">
        <v>250</v>
      </c>
      <c r="D120" s="20" t="s">
        <v>880</v>
      </c>
      <c r="E120" s="20" t="s">
        <v>36</v>
      </c>
      <c r="F120" s="6"/>
      <c r="G120" s="77" t="s">
        <v>31</v>
      </c>
      <c r="H120" s="24">
        <v>777.6</v>
      </c>
    </row>
    <row r="121" spans="1:8" ht="30" customHeight="1" x14ac:dyDescent="0.2">
      <c r="A121" s="16" t="s">
        <v>125</v>
      </c>
      <c r="B121" s="69"/>
      <c r="C121" s="64" t="s">
        <v>652</v>
      </c>
      <c r="D121" s="20" t="s">
        <v>695</v>
      </c>
      <c r="E121" s="20" t="s">
        <v>40</v>
      </c>
      <c r="F121" s="8" t="s">
        <v>264</v>
      </c>
      <c r="G121" s="77" t="s">
        <v>71</v>
      </c>
      <c r="H121" s="24">
        <v>17.28</v>
      </c>
    </row>
    <row r="122" spans="1:8" ht="30" customHeight="1" x14ac:dyDescent="0.2">
      <c r="A122" s="16" t="s">
        <v>125</v>
      </c>
      <c r="B122" s="69"/>
      <c r="C122" s="64" t="s">
        <v>253</v>
      </c>
      <c r="D122" s="20" t="s">
        <v>169</v>
      </c>
      <c r="E122" s="20" t="s">
        <v>881</v>
      </c>
      <c r="F122" s="6" t="s">
        <v>681</v>
      </c>
      <c r="G122" s="77" t="s">
        <v>33</v>
      </c>
      <c r="H122" s="24">
        <v>702</v>
      </c>
    </row>
    <row r="123" spans="1:8" ht="30" customHeight="1" x14ac:dyDescent="0.2">
      <c r="A123" s="16" t="s">
        <v>125</v>
      </c>
      <c r="B123" s="69"/>
      <c r="C123" s="64" t="s">
        <v>668</v>
      </c>
      <c r="D123" s="20" t="s">
        <v>882</v>
      </c>
      <c r="E123" s="20" t="s">
        <v>852</v>
      </c>
      <c r="F123" s="6" t="s">
        <v>883</v>
      </c>
      <c r="G123" s="77" t="s">
        <v>33</v>
      </c>
      <c r="H123" s="24">
        <v>1333.8</v>
      </c>
    </row>
    <row r="124" spans="1:8" ht="30" customHeight="1" x14ac:dyDescent="0.2">
      <c r="A124" s="16" t="s">
        <v>125</v>
      </c>
      <c r="B124" s="69"/>
      <c r="C124" s="64" t="s">
        <v>670</v>
      </c>
      <c r="D124" s="20" t="s">
        <v>882</v>
      </c>
      <c r="E124" s="20" t="s">
        <v>884</v>
      </c>
      <c r="F124" s="6" t="s">
        <v>883</v>
      </c>
      <c r="G124" s="77" t="s">
        <v>33</v>
      </c>
      <c r="H124" s="24">
        <v>1177.2</v>
      </c>
    </row>
    <row r="125" spans="1:8" ht="30" customHeight="1" x14ac:dyDescent="0.2">
      <c r="A125" s="16" t="s">
        <v>125</v>
      </c>
      <c r="B125" s="69"/>
      <c r="C125" s="64" t="s">
        <v>118</v>
      </c>
      <c r="D125" s="20" t="s">
        <v>165</v>
      </c>
      <c r="E125" s="20" t="s">
        <v>838</v>
      </c>
      <c r="F125" s="6" t="s">
        <v>102</v>
      </c>
      <c r="G125" s="77" t="s">
        <v>33</v>
      </c>
      <c r="H125" s="24">
        <v>1285.2</v>
      </c>
    </row>
    <row r="126" spans="1:8" ht="30" customHeight="1" x14ac:dyDescent="0.2">
      <c r="A126" s="16" t="s">
        <v>125</v>
      </c>
      <c r="B126" s="69"/>
      <c r="C126" s="64" t="s">
        <v>162</v>
      </c>
      <c r="D126" s="20" t="s">
        <v>196</v>
      </c>
      <c r="E126" s="20" t="s">
        <v>885</v>
      </c>
      <c r="F126" s="32" t="s">
        <v>233</v>
      </c>
      <c r="G126" s="77" t="s">
        <v>71</v>
      </c>
      <c r="H126" s="24">
        <v>32.4</v>
      </c>
    </row>
    <row r="127" spans="1:8" ht="30" customHeight="1" x14ac:dyDescent="0.2">
      <c r="A127" s="16" t="s">
        <v>125</v>
      </c>
      <c r="B127" s="69"/>
      <c r="C127" s="64" t="s">
        <v>162</v>
      </c>
      <c r="D127" s="20" t="s">
        <v>196</v>
      </c>
      <c r="E127" s="20" t="s">
        <v>885</v>
      </c>
      <c r="F127" s="32" t="s">
        <v>561</v>
      </c>
      <c r="G127" s="77" t="s">
        <v>71</v>
      </c>
      <c r="H127" s="24">
        <v>38.880000000000003</v>
      </c>
    </row>
    <row r="128" spans="1:8" ht="30" customHeight="1" x14ac:dyDescent="0.2">
      <c r="A128" s="16" t="s">
        <v>125</v>
      </c>
      <c r="B128" s="69"/>
      <c r="C128" s="64" t="s">
        <v>539</v>
      </c>
      <c r="D128" s="20" t="s">
        <v>305</v>
      </c>
      <c r="E128" s="20" t="s">
        <v>886</v>
      </c>
      <c r="F128" s="32"/>
      <c r="G128" s="77" t="s">
        <v>33</v>
      </c>
      <c r="H128" s="24">
        <v>1447.2</v>
      </c>
    </row>
    <row r="129" spans="1:8" ht="30" customHeight="1" x14ac:dyDescent="0.2">
      <c r="A129" s="67" t="s">
        <v>125</v>
      </c>
      <c r="B129" s="69"/>
      <c r="C129" s="64" t="s">
        <v>131</v>
      </c>
      <c r="D129" s="20" t="s">
        <v>298</v>
      </c>
      <c r="E129" s="20" t="s">
        <v>887</v>
      </c>
      <c r="F129" s="32" t="s">
        <v>146</v>
      </c>
      <c r="G129" s="77" t="s">
        <v>33</v>
      </c>
      <c r="H129" s="24">
        <v>723.6</v>
      </c>
    </row>
    <row r="130" spans="1:8" ht="30" customHeight="1" x14ac:dyDescent="0.2">
      <c r="A130" s="67" t="s">
        <v>125</v>
      </c>
      <c r="B130" s="69"/>
      <c r="C130" s="64" t="s">
        <v>645</v>
      </c>
      <c r="D130" s="20" t="s">
        <v>688</v>
      </c>
      <c r="E130" s="20" t="s">
        <v>888</v>
      </c>
      <c r="F130" s="32" t="s">
        <v>554</v>
      </c>
      <c r="G130" s="77" t="s">
        <v>71</v>
      </c>
      <c r="H130" s="24">
        <v>51.84</v>
      </c>
    </row>
    <row r="131" spans="1:8" ht="30" customHeight="1" x14ac:dyDescent="0.2">
      <c r="A131" s="16" t="s">
        <v>219</v>
      </c>
      <c r="B131" s="69"/>
      <c r="C131" s="64" t="s">
        <v>222</v>
      </c>
      <c r="D131" s="20" t="s">
        <v>542</v>
      </c>
      <c r="E131" s="20" t="s">
        <v>889</v>
      </c>
      <c r="F131" s="6" t="s">
        <v>676</v>
      </c>
      <c r="G131" s="53" t="s">
        <v>33</v>
      </c>
      <c r="H131" s="24">
        <v>930</v>
      </c>
    </row>
    <row r="132" spans="1:8" ht="30" customHeight="1" x14ac:dyDescent="0.2">
      <c r="A132" s="16" t="s">
        <v>219</v>
      </c>
      <c r="B132" s="69"/>
      <c r="C132" s="64" t="s">
        <v>155</v>
      </c>
      <c r="D132" s="20" t="s">
        <v>543</v>
      </c>
      <c r="E132" s="20" t="s">
        <v>890</v>
      </c>
      <c r="F132" s="6" t="s">
        <v>8</v>
      </c>
      <c r="G132" s="53" t="s">
        <v>33</v>
      </c>
      <c r="H132" s="24">
        <v>204</v>
      </c>
    </row>
    <row r="133" spans="1:8" ht="30" customHeight="1" x14ac:dyDescent="0.2">
      <c r="A133" s="16" t="s">
        <v>219</v>
      </c>
      <c r="B133" s="69"/>
      <c r="C133" s="64" t="s">
        <v>163</v>
      </c>
      <c r="D133" s="20" t="s">
        <v>516</v>
      </c>
      <c r="E133" s="20" t="s">
        <v>891</v>
      </c>
      <c r="F133" s="6" t="s">
        <v>892</v>
      </c>
      <c r="G133" s="53" t="s">
        <v>32</v>
      </c>
      <c r="H133" s="24">
        <v>1556</v>
      </c>
    </row>
    <row r="134" spans="1:8" ht="30" customHeight="1" x14ac:dyDescent="0.2">
      <c r="A134" s="16" t="s">
        <v>219</v>
      </c>
      <c r="B134" s="69"/>
      <c r="C134" s="64" t="s">
        <v>163</v>
      </c>
      <c r="D134" s="20" t="s">
        <v>516</v>
      </c>
      <c r="E134" s="20" t="s">
        <v>891</v>
      </c>
      <c r="F134" s="6" t="s">
        <v>512</v>
      </c>
      <c r="G134" s="53" t="s">
        <v>32</v>
      </c>
      <c r="H134" s="24">
        <v>650</v>
      </c>
    </row>
    <row r="135" spans="1:8" ht="30" customHeight="1" x14ac:dyDescent="0.2">
      <c r="A135" s="16" t="s">
        <v>219</v>
      </c>
      <c r="B135" s="69"/>
      <c r="C135" s="64" t="s">
        <v>531</v>
      </c>
      <c r="D135" s="20" t="s">
        <v>692</v>
      </c>
      <c r="E135" s="20" t="s">
        <v>893</v>
      </c>
      <c r="F135" s="6"/>
      <c r="G135" s="53" t="s">
        <v>31</v>
      </c>
      <c r="H135" s="24">
        <v>202</v>
      </c>
    </row>
    <row r="136" spans="1:8" ht="30" customHeight="1" x14ac:dyDescent="0.2">
      <c r="A136" s="16" t="s">
        <v>219</v>
      </c>
      <c r="B136" s="69"/>
      <c r="C136" s="64" t="s">
        <v>50</v>
      </c>
      <c r="D136" s="15" t="s">
        <v>96</v>
      </c>
      <c r="E136" s="15" t="s">
        <v>42</v>
      </c>
      <c r="F136" s="6" t="s">
        <v>545</v>
      </c>
      <c r="G136" s="53" t="s">
        <v>31</v>
      </c>
      <c r="H136" s="24">
        <v>632</v>
      </c>
    </row>
    <row r="137" spans="1:8" ht="30" customHeight="1" x14ac:dyDescent="0.2">
      <c r="A137" s="16" t="s">
        <v>558</v>
      </c>
      <c r="B137" s="69"/>
      <c r="C137" s="64" t="s">
        <v>218</v>
      </c>
      <c r="D137" s="20" t="s">
        <v>689</v>
      </c>
      <c r="E137" s="20" t="s">
        <v>894</v>
      </c>
      <c r="F137" s="6" t="s">
        <v>8</v>
      </c>
      <c r="G137" s="53" t="s">
        <v>33</v>
      </c>
      <c r="H137" s="24">
        <v>231</v>
      </c>
    </row>
    <row r="138" spans="1:8" ht="30" customHeight="1" x14ac:dyDescent="0.2">
      <c r="A138" s="16" t="s">
        <v>558</v>
      </c>
      <c r="B138" s="69"/>
      <c r="C138" s="64" t="s">
        <v>133</v>
      </c>
      <c r="D138" s="20" t="s">
        <v>689</v>
      </c>
      <c r="E138" s="20" t="s">
        <v>894</v>
      </c>
      <c r="F138" s="6" t="s">
        <v>8</v>
      </c>
      <c r="G138" s="53" t="s">
        <v>33</v>
      </c>
      <c r="H138" s="24">
        <v>259</v>
      </c>
    </row>
    <row r="139" spans="1:8" ht="30" customHeight="1" x14ac:dyDescent="0.2">
      <c r="A139" s="16" t="s">
        <v>558</v>
      </c>
      <c r="B139" s="69"/>
      <c r="C139" s="64" t="s">
        <v>132</v>
      </c>
      <c r="D139" s="20" t="s">
        <v>691</v>
      </c>
      <c r="E139" s="20" t="s">
        <v>895</v>
      </c>
      <c r="F139" s="6" t="s">
        <v>547</v>
      </c>
      <c r="G139" s="53" t="s">
        <v>70</v>
      </c>
      <c r="H139" s="24">
        <v>3672</v>
      </c>
    </row>
    <row r="140" spans="1:8" ht="30" customHeight="1" x14ac:dyDescent="0.2">
      <c r="A140" s="16" t="s">
        <v>235</v>
      </c>
      <c r="B140" s="69"/>
      <c r="C140" s="64" t="s">
        <v>334</v>
      </c>
      <c r="D140" s="20" t="s">
        <v>89</v>
      </c>
      <c r="E140" s="20" t="s">
        <v>896</v>
      </c>
      <c r="F140" s="6"/>
      <c r="G140" s="53" t="s">
        <v>31</v>
      </c>
      <c r="H140" s="24">
        <v>669</v>
      </c>
    </row>
    <row r="141" spans="1:8" ht="30" customHeight="1" x14ac:dyDescent="0.2">
      <c r="A141" s="16" t="s">
        <v>235</v>
      </c>
      <c r="B141" s="69"/>
      <c r="C141" s="64" t="s">
        <v>49</v>
      </c>
      <c r="D141" s="20" t="s">
        <v>89</v>
      </c>
      <c r="E141" s="20" t="s">
        <v>897</v>
      </c>
      <c r="F141" s="6"/>
      <c r="G141" s="53" t="s">
        <v>31</v>
      </c>
      <c r="H141" s="24">
        <v>411</v>
      </c>
    </row>
    <row r="142" spans="1:8" ht="30" customHeight="1" x14ac:dyDescent="0.2">
      <c r="A142" s="16" t="s">
        <v>235</v>
      </c>
      <c r="B142" s="69"/>
      <c r="C142" s="64" t="s">
        <v>526</v>
      </c>
      <c r="D142" s="20" t="s">
        <v>89</v>
      </c>
      <c r="E142" s="20" t="s">
        <v>278</v>
      </c>
      <c r="F142" s="6"/>
      <c r="G142" s="53" t="s">
        <v>31</v>
      </c>
      <c r="H142" s="24">
        <v>1200</v>
      </c>
    </row>
    <row r="143" spans="1:8" ht="30" customHeight="1" x14ac:dyDescent="0.2">
      <c r="A143" s="16" t="s">
        <v>235</v>
      </c>
      <c r="B143" s="69"/>
      <c r="C143" s="64" t="s">
        <v>136</v>
      </c>
      <c r="D143" s="20" t="s">
        <v>89</v>
      </c>
      <c r="E143" s="20" t="s">
        <v>898</v>
      </c>
      <c r="F143" s="16"/>
      <c r="G143" s="53" t="s">
        <v>31</v>
      </c>
      <c r="H143" s="24">
        <v>1550</v>
      </c>
    </row>
    <row r="144" spans="1:8" ht="30" customHeight="1" x14ac:dyDescent="0.2">
      <c r="A144" s="16" t="s">
        <v>211</v>
      </c>
      <c r="B144" s="69"/>
      <c r="C144" s="64" t="s">
        <v>647</v>
      </c>
      <c r="D144" s="15" t="s">
        <v>340</v>
      </c>
      <c r="E144" s="15" t="s">
        <v>40</v>
      </c>
      <c r="F144" s="6" t="s">
        <v>678</v>
      </c>
      <c r="G144" s="53" t="s">
        <v>33</v>
      </c>
      <c r="H144" s="24">
        <v>648</v>
      </c>
    </row>
    <row r="145" spans="1:8" ht="30" customHeight="1" x14ac:dyDescent="0.2">
      <c r="A145" s="66" t="s">
        <v>899</v>
      </c>
      <c r="B145" s="69"/>
      <c r="C145" s="64" t="s">
        <v>68</v>
      </c>
      <c r="D145" s="15" t="s">
        <v>900</v>
      </c>
      <c r="E145" s="15" t="s">
        <v>901</v>
      </c>
      <c r="F145" s="12" t="s">
        <v>902</v>
      </c>
      <c r="G145" s="53" t="s">
        <v>31</v>
      </c>
      <c r="H145" s="24">
        <v>346</v>
      </c>
    </row>
    <row r="146" spans="1:8" ht="30" customHeight="1" x14ac:dyDescent="0.2">
      <c r="A146" s="16" t="s">
        <v>903</v>
      </c>
      <c r="B146" s="69"/>
      <c r="C146" s="64" t="s">
        <v>137</v>
      </c>
      <c r="D146" s="15" t="s">
        <v>904</v>
      </c>
      <c r="E146" s="15" t="s">
        <v>763</v>
      </c>
      <c r="F146" s="6" t="s">
        <v>101</v>
      </c>
      <c r="G146" s="53" t="s">
        <v>71</v>
      </c>
      <c r="H146" s="24">
        <v>43</v>
      </c>
    </row>
    <row r="147" spans="1:8" ht="30" customHeight="1" x14ac:dyDescent="0.2">
      <c r="A147" s="67" t="s">
        <v>138</v>
      </c>
      <c r="B147" s="69"/>
      <c r="C147" s="68" t="s">
        <v>485</v>
      </c>
      <c r="D147" s="15"/>
      <c r="E147" s="4" t="s">
        <v>905</v>
      </c>
      <c r="F147" s="73" t="s">
        <v>563</v>
      </c>
      <c r="G147" s="53" t="s">
        <v>31</v>
      </c>
      <c r="H147" s="24">
        <v>3888</v>
      </c>
    </row>
    <row r="148" spans="1:8" ht="30" customHeight="1" x14ac:dyDescent="0.2">
      <c r="A148" s="67" t="s">
        <v>138</v>
      </c>
      <c r="B148" s="69"/>
      <c r="C148" s="68" t="s">
        <v>486</v>
      </c>
      <c r="D148" s="15"/>
      <c r="E148" s="4" t="s">
        <v>905</v>
      </c>
      <c r="F148" s="73" t="s">
        <v>563</v>
      </c>
      <c r="G148" s="53" t="s">
        <v>31</v>
      </c>
      <c r="H148" s="24">
        <v>3888</v>
      </c>
    </row>
    <row r="149" spans="1:8" ht="30" customHeight="1" x14ac:dyDescent="0.2">
      <c r="A149" s="67" t="s">
        <v>138</v>
      </c>
      <c r="B149" s="69"/>
      <c r="C149" s="68" t="s">
        <v>487</v>
      </c>
      <c r="D149" s="15"/>
      <c r="E149" s="4" t="s">
        <v>905</v>
      </c>
      <c r="F149" s="73" t="s">
        <v>563</v>
      </c>
      <c r="G149" s="53" t="s">
        <v>31</v>
      </c>
      <c r="H149" s="24">
        <v>3888</v>
      </c>
    </row>
    <row r="150" spans="1:8" ht="30" customHeight="1" x14ac:dyDescent="0.2">
      <c r="A150" s="67" t="s">
        <v>138</v>
      </c>
      <c r="B150" s="69"/>
      <c r="C150" s="68" t="s">
        <v>488</v>
      </c>
      <c r="D150" s="15"/>
      <c r="E150" s="4" t="s">
        <v>905</v>
      </c>
      <c r="F150" s="73" t="s">
        <v>564</v>
      </c>
      <c r="G150" s="53" t="s">
        <v>31</v>
      </c>
      <c r="H150" s="24">
        <v>3456</v>
      </c>
    </row>
    <row r="151" spans="1:8" ht="30" customHeight="1" x14ac:dyDescent="0.2">
      <c r="A151" s="67" t="s">
        <v>138</v>
      </c>
      <c r="B151" s="69"/>
      <c r="C151" s="68" t="s">
        <v>489</v>
      </c>
      <c r="D151" s="20"/>
      <c r="E151" s="4" t="s">
        <v>905</v>
      </c>
      <c r="F151" s="73" t="s">
        <v>564</v>
      </c>
      <c r="G151" s="53" t="s">
        <v>31</v>
      </c>
      <c r="H151" s="24">
        <v>3456</v>
      </c>
    </row>
    <row r="152" spans="1:8" ht="30" customHeight="1" x14ac:dyDescent="0.2">
      <c r="A152" s="67" t="s">
        <v>138</v>
      </c>
      <c r="B152" s="69"/>
      <c r="C152" s="68" t="s">
        <v>490</v>
      </c>
      <c r="D152" s="20"/>
      <c r="E152" s="4" t="s">
        <v>905</v>
      </c>
      <c r="F152" s="73" t="s">
        <v>564</v>
      </c>
      <c r="G152" s="53" t="s">
        <v>31</v>
      </c>
      <c r="H152" s="24">
        <v>3456</v>
      </c>
    </row>
    <row r="153" spans="1:8" ht="30" customHeight="1" x14ac:dyDescent="0.2">
      <c r="A153" s="67" t="s">
        <v>138</v>
      </c>
      <c r="B153" s="69"/>
      <c r="C153" s="68" t="s">
        <v>491</v>
      </c>
      <c r="D153" s="20"/>
      <c r="E153" s="4" t="s">
        <v>906</v>
      </c>
      <c r="F153" s="73" t="s">
        <v>507</v>
      </c>
      <c r="G153" s="53" t="s">
        <v>31</v>
      </c>
      <c r="H153" s="24">
        <v>1782</v>
      </c>
    </row>
    <row r="154" spans="1:8" ht="30" customHeight="1" x14ac:dyDescent="0.2">
      <c r="A154" s="67" t="s">
        <v>138</v>
      </c>
      <c r="B154" s="69"/>
      <c r="C154" s="68" t="s">
        <v>6</v>
      </c>
      <c r="D154" s="20"/>
      <c r="E154" s="4" t="s">
        <v>906</v>
      </c>
      <c r="F154" s="73" t="s">
        <v>139</v>
      </c>
      <c r="G154" s="53" t="s">
        <v>31</v>
      </c>
      <c r="H154" s="24">
        <v>1782</v>
      </c>
    </row>
    <row r="155" spans="1:8" ht="30" customHeight="1" x14ac:dyDescent="0.2">
      <c r="A155" s="67" t="s">
        <v>138</v>
      </c>
      <c r="B155" s="69"/>
      <c r="C155" s="68" t="s">
        <v>492</v>
      </c>
      <c r="D155" s="20"/>
      <c r="E155" s="4" t="s">
        <v>906</v>
      </c>
      <c r="F155" s="73" t="s">
        <v>507</v>
      </c>
      <c r="G155" s="53" t="s">
        <v>31</v>
      </c>
      <c r="H155" s="24">
        <v>1782</v>
      </c>
    </row>
    <row r="156" spans="1:8" ht="30" customHeight="1" x14ac:dyDescent="0.2">
      <c r="A156" s="67" t="s">
        <v>138</v>
      </c>
      <c r="B156" s="69"/>
      <c r="C156" s="68" t="s">
        <v>140</v>
      </c>
      <c r="D156" s="20"/>
      <c r="E156" s="4" t="s">
        <v>906</v>
      </c>
      <c r="F156" s="73" t="s">
        <v>141</v>
      </c>
      <c r="G156" s="53" t="s">
        <v>31</v>
      </c>
      <c r="H156" s="24">
        <v>1728</v>
      </c>
    </row>
    <row r="157" spans="1:8" ht="30" customHeight="1" x14ac:dyDescent="0.2">
      <c r="A157" s="67" t="s">
        <v>138</v>
      </c>
      <c r="B157" s="69"/>
      <c r="C157" s="68" t="s">
        <v>493</v>
      </c>
      <c r="D157" s="20"/>
      <c r="E157" s="4" t="s">
        <v>906</v>
      </c>
      <c r="F157" s="73" t="s">
        <v>508</v>
      </c>
      <c r="G157" s="53" t="s">
        <v>31</v>
      </c>
      <c r="H157" s="24">
        <v>1728</v>
      </c>
    </row>
    <row r="158" spans="1:8" ht="30" customHeight="1" x14ac:dyDescent="0.2">
      <c r="A158" s="67" t="s">
        <v>142</v>
      </c>
      <c r="B158" s="69"/>
      <c r="C158" s="65" t="s">
        <v>495</v>
      </c>
      <c r="D158" s="15" t="s">
        <v>309</v>
      </c>
      <c r="E158" s="15" t="s">
        <v>907</v>
      </c>
      <c r="F158" s="6" t="s">
        <v>509</v>
      </c>
      <c r="G158" s="53" t="s">
        <v>31</v>
      </c>
      <c r="H158" s="24">
        <v>1668</v>
      </c>
    </row>
    <row r="159" spans="1:8" ht="30" customHeight="1" x14ac:dyDescent="0.2">
      <c r="A159" s="67" t="s">
        <v>142</v>
      </c>
      <c r="B159" s="69"/>
      <c r="C159" s="68" t="s">
        <v>494</v>
      </c>
      <c r="D159" s="15" t="s">
        <v>309</v>
      </c>
      <c r="E159" s="15" t="s">
        <v>907</v>
      </c>
      <c r="F159" s="6" t="s">
        <v>509</v>
      </c>
      <c r="G159" s="53" t="s">
        <v>31</v>
      </c>
      <c r="H159" s="24">
        <v>2508</v>
      </c>
    </row>
    <row r="160" spans="1:8" ht="30" customHeight="1" x14ac:dyDescent="0.2">
      <c r="A160" s="67" t="s">
        <v>142</v>
      </c>
      <c r="B160" s="69"/>
      <c r="C160" s="19" t="s">
        <v>497</v>
      </c>
      <c r="D160" s="15" t="s">
        <v>309</v>
      </c>
      <c r="E160" s="15" t="s">
        <v>907</v>
      </c>
      <c r="F160" s="16" t="s">
        <v>510</v>
      </c>
      <c r="G160" s="53" t="s">
        <v>31</v>
      </c>
      <c r="H160" s="24">
        <v>1668</v>
      </c>
    </row>
    <row r="161" spans="1:8" ht="30" customHeight="1" x14ac:dyDescent="0.2">
      <c r="A161" s="67" t="s">
        <v>142</v>
      </c>
      <c r="B161" s="69"/>
      <c r="C161" s="19" t="s">
        <v>496</v>
      </c>
      <c r="D161" s="15" t="s">
        <v>309</v>
      </c>
      <c r="E161" s="15" t="s">
        <v>907</v>
      </c>
      <c r="F161" s="16" t="s">
        <v>510</v>
      </c>
      <c r="G161" s="53" t="s">
        <v>31</v>
      </c>
      <c r="H161" s="24">
        <v>2508</v>
      </c>
    </row>
    <row r="162" spans="1:8" ht="30" customHeight="1" x14ac:dyDescent="0.2">
      <c r="A162" s="67" t="s">
        <v>142</v>
      </c>
      <c r="B162" s="69"/>
      <c r="C162" s="64" t="s">
        <v>523</v>
      </c>
      <c r="D162" s="15" t="s">
        <v>309</v>
      </c>
      <c r="E162" s="15" t="s">
        <v>907</v>
      </c>
      <c r="F162" s="12" t="s">
        <v>99</v>
      </c>
      <c r="G162" s="53" t="s">
        <v>71</v>
      </c>
      <c r="H162" s="24">
        <v>124</v>
      </c>
    </row>
    <row r="163" spans="1:8" ht="30" customHeight="1" x14ac:dyDescent="0.2">
      <c r="A163" s="67" t="s">
        <v>142</v>
      </c>
      <c r="B163" s="69"/>
      <c r="C163" s="64" t="s">
        <v>523</v>
      </c>
      <c r="D163" s="15" t="s">
        <v>309</v>
      </c>
      <c r="E163" s="15" t="s">
        <v>907</v>
      </c>
      <c r="F163" s="12" t="s">
        <v>100</v>
      </c>
      <c r="G163" s="53" t="s">
        <v>71</v>
      </c>
      <c r="H163" s="24">
        <v>155</v>
      </c>
    </row>
    <row r="164" spans="1:8" ht="30" customHeight="1" x14ac:dyDescent="0.2">
      <c r="A164" s="67" t="s">
        <v>142</v>
      </c>
      <c r="B164" s="69"/>
      <c r="C164" s="64" t="s">
        <v>523</v>
      </c>
      <c r="D164" s="15" t="s">
        <v>309</v>
      </c>
      <c r="E164" s="15" t="s">
        <v>907</v>
      </c>
      <c r="F164" s="12" t="s">
        <v>101</v>
      </c>
      <c r="G164" s="53" t="s">
        <v>71</v>
      </c>
      <c r="H164" s="24">
        <v>217</v>
      </c>
    </row>
  </sheetData>
  <mergeCells count="1">
    <mergeCell ref="A1:H1"/>
  </mergeCells>
  <phoneticPr fontId="3"/>
  <printOptions horizontalCentered="1"/>
  <pageMargins left="0.70866141732283472" right="0.19685039370078741" top="0.59055118110236227" bottom="0.59055118110236227" header="0.31496062992125984" footer="0.15748031496062992"/>
  <pageSetup paperSize="9" scale="71" orientation="portrait" r:id="rId1"/>
  <headerFooter alignWithMargins="0">
    <oddHeader>&amp;R&amp;P/&amp;N</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AG76"/>
  <sheetViews>
    <sheetView tabSelected="1" view="pageBreakPreview" zoomScaleNormal="100" zoomScaleSheetLayoutView="100" workbookViewId="0">
      <pane ySplit="3" topLeftCell="A52" activePane="bottomLeft" state="frozen"/>
      <selection activeCell="B1" sqref="B1"/>
      <selection pane="bottomLeft" activeCell="C53" sqref="C53"/>
    </sheetView>
  </sheetViews>
  <sheetFormatPr defaultRowHeight="13.2" x14ac:dyDescent="0.2"/>
  <cols>
    <col min="1" max="1" width="9.6640625" style="28" customWidth="1"/>
    <col min="2" max="2" width="24.6640625" style="26" customWidth="1"/>
    <col min="3" max="3" width="15.44140625" style="74" customWidth="1"/>
    <col min="4" max="4" width="4.6640625" style="29" customWidth="1"/>
    <col min="5" max="10" width="3.77734375" style="9" customWidth="1"/>
    <col min="11" max="11" width="4.21875" style="9" customWidth="1"/>
    <col min="12" max="32" width="3.77734375" style="9" customWidth="1"/>
    <col min="33" max="33" width="19.6640625" style="40" customWidth="1"/>
    <col min="258" max="258" width="15.109375" customWidth="1"/>
    <col min="259" max="259" width="13.109375" customWidth="1"/>
    <col min="260" max="260" width="5.21875" bestFit="1" customWidth="1"/>
    <col min="261" max="261" width="6" bestFit="1" customWidth="1"/>
    <col min="262" max="262" width="4.21875" customWidth="1"/>
    <col min="263" max="287" width="3.77734375" customWidth="1"/>
    <col min="288" max="288" width="9.33203125" customWidth="1"/>
    <col min="514" max="514" width="15.109375" customWidth="1"/>
    <col min="515" max="515" width="13.109375" customWidth="1"/>
    <col min="516" max="516" width="5.21875" bestFit="1" customWidth="1"/>
    <col min="517" max="517" width="6" bestFit="1" customWidth="1"/>
    <col min="518" max="518" width="4.21875" customWidth="1"/>
    <col min="519" max="543" width="3.77734375" customWidth="1"/>
    <col min="544" max="544" width="9.33203125" customWidth="1"/>
    <col min="770" max="770" width="15.109375" customWidth="1"/>
    <col min="771" max="771" width="13.109375" customWidth="1"/>
    <col min="772" max="772" width="5.21875" bestFit="1" customWidth="1"/>
    <col min="773" max="773" width="6" bestFit="1" customWidth="1"/>
    <col min="774" max="774" width="4.21875" customWidth="1"/>
    <col min="775" max="799" width="3.77734375" customWidth="1"/>
    <col min="800" max="800" width="9.33203125" customWidth="1"/>
    <col min="1026" max="1026" width="15.109375" customWidth="1"/>
    <col min="1027" max="1027" width="13.109375" customWidth="1"/>
    <col min="1028" max="1028" width="5.21875" bestFit="1" customWidth="1"/>
    <col min="1029" max="1029" width="6" bestFit="1" customWidth="1"/>
    <col min="1030" max="1030" width="4.21875" customWidth="1"/>
    <col min="1031" max="1055" width="3.77734375" customWidth="1"/>
    <col min="1056" max="1056" width="9.33203125" customWidth="1"/>
    <col min="1282" max="1282" width="15.109375" customWidth="1"/>
    <col min="1283" max="1283" width="13.109375" customWidth="1"/>
    <col min="1284" max="1284" width="5.21875" bestFit="1" customWidth="1"/>
    <col min="1285" max="1285" width="6" bestFit="1" customWidth="1"/>
    <col min="1286" max="1286" width="4.21875" customWidth="1"/>
    <col min="1287" max="1311" width="3.77734375" customWidth="1"/>
    <col min="1312" max="1312" width="9.33203125" customWidth="1"/>
    <col min="1538" max="1538" width="15.109375" customWidth="1"/>
    <col min="1539" max="1539" width="13.109375" customWidth="1"/>
    <col min="1540" max="1540" width="5.21875" bestFit="1" customWidth="1"/>
    <col min="1541" max="1541" width="6" bestFit="1" customWidth="1"/>
    <col min="1542" max="1542" width="4.21875" customWidth="1"/>
    <col min="1543" max="1567" width="3.77734375" customWidth="1"/>
    <col min="1568" max="1568" width="9.33203125" customWidth="1"/>
    <col min="1794" max="1794" width="15.109375" customWidth="1"/>
    <col min="1795" max="1795" width="13.109375" customWidth="1"/>
    <col min="1796" max="1796" width="5.21875" bestFit="1" customWidth="1"/>
    <col min="1797" max="1797" width="6" bestFit="1" customWidth="1"/>
    <col min="1798" max="1798" width="4.21875" customWidth="1"/>
    <col min="1799" max="1823" width="3.77734375" customWidth="1"/>
    <col min="1824" max="1824" width="9.33203125" customWidth="1"/>
    <col min="2050" max="2050" width="15.109375" customWidth="1"/>
    <col min="2051" max="2051" width="13.109375" customWidth="1"/>
    <col min="2052" max="2052" width="5.21875" bestFit="1" customWidth="1"/>
    <col min="2053" max="2053" width="6" bestFit="1" customWidth="1"/>
    <col min="2054" max="2054" width="4.21875" customWidth="1"/>
    <col min="2055" max="2079" width="3.77734375" customWidth="1"/>
    <col min="2080" max="2080" width="9.33203125" customWidth="1"/>
    <col min="2306" max="2306" width="15.109375" customWidth="1"/>
    <col min="2307" max="2307" width="13.109375" customWidth="1"/>
    <col min="2308" max="2308" width="5.21875" bestFit="1" customWidth="1"/>
    <col min="2309" max="2309" width="6" bestFit="1" customWidth="1"/>
    <col min="2310" max="2310" width="4.21875" customWidth="1"/>
    <col min="2311" max="2335" width="3.77734375" customWidth="1"/>
    <col min="2336" max="2336" width="9.33203125" customWidth="1"/>
    <col min="2562" max="2562" width="15.109375" customWidth="1"/>
    <col min="2563" max="2563" width="13.109375" customWidth="1"/>
    <col min="2564" max="2564" width="5.21875" bestFit="1" customWidth="1"/>
    <col min="2565" max="2565" width="6" bestFit="1" customWidth="1"/>
    <col min="2566" max="2566" width="4.21875" customWidth="1"/>
    <col min="2567" max="2591" width="3.77734375" customWidth="1"/>
    <col min="2592" max="2592" width="9.33203125" customWidth="1"/>
    <col min="2818" max="2818" width="15.109375" customWidth="1"/>
    <col min="2819" max="2819" width="13.109375" customWidth="1"/>
    <col min="2820" max="2820" width="5.21875" bestFit="1" customWidth="1"/>
    <col min="2821" max="2821" width="6" bestFit="1" customWidth="1"/>
    <col min="2822" max="2822" width="4.21875" customWidth="1"/>
    <col min="2823" max="2847" width="3.77734375" customWidth="1"/>
    <col min="2848" max="2848" width="9.33203125" customWidth="1"/>
    <col min="3074" max="3074" width="15.109375" customWidth="1"/>
    <col min="3075" max="3075" width="13.109375" customWidth="1"/>
    <col min="3076" max="3076" width="5.21875" bestFit="1" customWidth="1"/>
    <col min="3077" max="3077" width="6" bestFit="1" customWidth="1"/>
    <col min="3078" max="3078" width="4.21875" customWidth="1"/>
    <col min="3079" max="3103" width="3.77734375" customWidth="1"/>
    <col min="3104" max="3104" width="9.33203125" customWidth="1"/>
    <col min="3330" max="3330" width="15.109375" customWidth="1"/>
    <col min="3331" max="3331" width="13.109375" customWidth="1"/>
    <col min="3332" max="3332" width="5.21875" bestFit="1" customWidth="1"/>
    <col min="3333" max="3333" width="6" bestFit="1" customWidth="1"/>
    <col min="3334" max="3334" width="4.21875" customWidth="1"/>
    <col min="3335" max="3359" width="3.77734375" customWidth="1"/>
    <col min="3360" max="3360" width="9.33203125" customWidth="1"/>
    <col min="3586" max="3586" width="15.109375" customWidth="1"/>
    <col min="3587" max="3587" width="13.109375" customWidth="1"/>
    <col min="3588" max="3588" width="5.21875" bestFit="1" customWidth="1"/>
    <col min="3589" max="3589" width="6" bestFit="1" customWidth="1"/>
    <col min="3590" max="3590" width="4.21875" customWidth="1"/>
    <col min="3591" max="3615" width="3.77734375" customWidth="1"/>
    <col min="3616" max="3616" width="9.33203125" customWidth="1"/>
    <col min="3842" max="3842" width="15.109375" customWidth="1"/>
    <col min="3843" max="3843" width="13.109375" customWidth="1"/>
    <col min="3844" max="3844" width="5.21875" bestFit="1" customWidth="1"/>
    <col min="3845" max="3845" width="6" bestFit="1" customWidth="1"/>
    <col min="3846" max="3846" width="4.21875" customWidth="1"/>
    <col min="3847" max="3871" width="3.77734375" customWidth="1"/>
    <col min="3872" max="3872" width="9.33203125" customWidth="1"/>
    <col min="4098" max="4098" width="15.109375" customWidth="1"/>
    <col min="4099" max="4099" width="13.109375" customWidth="1"/>
    <col min="4100" max="4100" width="5.21875" bestFit="1" customWidth="1"/>
    <col min="4101" max="4101" width="6" bestFit="1" customWidth="1"/>
    <col min="4102" max="4102" width="4.21875" customWidth="1"/>
    <col min="4103" max="4127" width="3.77734375" customWidth="1"/>
    <col min="4128" max="4128" width="9.33203125" customWidth="1"/>
    <col min="4354" max="4354" width="15.109375" customWidth="1"/>
    <col min="4355" max="4355" width="13.109375" customWidth="1"/>
    <col min="4356" max="4356" width="5.21875" bestFit="1" customWidth="1"/>
    <col min="4357" max="4357" width="6" bestFit="1" customWidth="1"/>
    <col min="4358" max="4358" width="4.21875" customWidth="1"/>
    <col min="4359" max="4383" width="3.77734375" customWidth="1"/>
    <col min="4384" max="4384" width="9.33203125" customWidth="1"/>
    <col min="4610" max="4610" width="15.109375" customWidth="1"/>
    <col min="4611" max="4611" width="13.109375" customWidth="1"/>
    <col min="4612" max="4612" width="5.21875" bestFit="1" customWidth="1"/>
    <col min="4613" max="4613" width="6" bestFit="1" customWidth="1"/>
    <col min="4614" max="4614" width="4.21875" customWidth="1"/>
    <col min="4615" max="4639" width="3.77734375" customWidth="1"/>
    <col min="4640" max="4640" width="9.33203125" customWidth="1"/>
    <col min="4866" max="4866" width="15.109375" customWidth="1"/>
    <col min="4867" max="4867" width="13.109375" customWidth="1"/>
    <col min="4868" max="4868" width="5.21875" bestFit="1" customWidth="1"/>
    <col min="4869" max="4869" width="6" bestFit="1" customWidth="1"/>
    <col min="4870" max="4870" width="4.21875" customWidth="1"/>
    <col min="4871" max="4895" width="3.77734375" customWidth="1"/>
    <col min="4896" max="4896" width="9.33203125" customWidth="1"/>
    <col min="5122" max="5122" width="15.109375" customWidth="1"/>
    <col min="5123" max="5123" width="13.109375" customWidth="1"/>
    <col min="5124" max="5124" width="5.21875" bestFit="1" customWidth="1"/>
    <col min="5125" max="5125" width="6" bestFit="1" customWidth="1"/>
    <col min="5126" max="5126" width="4.21875" customWidth="1"/>
    <col min="5127" max="5151" width="3.77734375" customWidth="1"/>
    <col min="5152" max="5152" width="9.33203125" customWidth="1"/>
    <col min="5378" max="5378" width="15.109375" customWidth="1"/>
    <col min="5379" max="5379" width="13.109375" customWidth="1"/>
    <col min="5380" max="5380" width="5.21875" bestFit="1" customWidth="1"/>
    <col min="5381" max="5381" width="6" bestFit="1" customWidth="1"/>
    <col min="5382" max="5382" width="4.21875" customWidth="1"/>
    <col min="5383" max="5407" width="3.77734375" customWidth="1"/>
    <col min="5408" max="5408" width="9.33203125" customWidth="1"/>
    <col min="5634" max="5634" width="15.109375" customWidth="1"/>
    <col min="5635" max="5635" width="13.109375" customWidth="1"/>
    <col min="5636" max="5636" width="5.21875" bestFit="1" customWidth="1"/>
    <col min="5637" max="5637" width="6" bestFit="1" customWidth="1"/>
    <col min="5638" max="5638" width="4.21875" customWidth="1"/>
    <col min="5639" max="5663" width="3.77734375" customWidth="1"/>
    <col min="5664" max="5664" width="9.33203125" customWidth="1"/>
    <col min="5890" max="5890" width="15.109375" customWidth="1"/>
    <col min="5891" max="5891" width="13.109375" customWidth="1"/>
    <col min="5892" max="5892" width="5.21875" bestFit="1" customWidth="1"/>
    <col min="5893" max="5893" width="6" bestFit="1" customWidth="1"/>
    <col min="5894" max="5894" width="4.21875" customWidth="1"/>
    <col min="5895" max="5919" width="3.77734375" customWidth="1"/>
    <col min="5920" max="5920" width="9.33203125" customWidth="1"/>
    <col min="6146" max="6146" width="15.109375" customWidth="1"/>
    <col min="6147" max="6147" width="13.109375" customWidth="1"/>
    <col min="6148" max="6148" width="5.21875" bestFit="1" customWidth="1"/>
    <col min="6149" max="6149" width="6" bestFit="1" customWidth="1"/>
    <col min="6150" max="6150" width="4.21875" customWidth="1"/>
    <col min="6151" max="6175" width="3.77734375" customWidth="1"/>
    <col min="6176" max="6176" width="9.33203125" customWidth="1"/>
    <col min="6402" max="6402" width="15.109375" customWidth="1"/>
    <col min="6403" max="6403" width="13.109375" customWidth="1"/>
    <col min="6404" max="6404" width="5.21875" bestFit="1" customWidth="1"/>
    <col min="6405" max="6405" width="6" bestFit="1" customWidth="1"/>
    <col min="6406" max="6406" width="4.21875" customWidth="1"/>
    <col min="6407" max="6431" width="3.77734375" customWidth="1"/>
    <col min="6432" max="6432" width="9.33203125" customWidth="1"/>
    <col min="6658" max="6658" width="15.109375" customWidth="1"/>
    <col min="6659" max="6659" width="13.109375" customWidth="1"/>
    <col min="6660" max="6660" width="5.21875" bestFit="1" customWidth="1"/>
    <col min="6661" max="6661" width="6" bestFit="1" customWidth="1"/>
    <col min="6662" max="6662" width="4.21875" customWidth="1"/>
    <col min="6663" max="6687" width="3.77734375" customWidth="1"/>
    <col min="6688" max="6688" width="9.33203125" customWidth="1"/>
    <col min="6914" max="6914" width="15.109375" customWidth="1"/>
    <col min="6915" max="6915" width="13.109375" customWidth="1"/>
    <col min="6916" max="6916" width="5.21875" bestFit="1" customWidth="1"/>
    <col min="6917" max="6917" width="6" bestFit="1" customWidth="1"/>
    <col min="6918" max="6918" width="4.21875" customWidth="1"/>
    <col min="6919" max="6943" width="3.77734375" customWidth="1"/>
    <col min="6944" max="6944" width="9.33203125" customWidth="1"/>
    <col min="7170" max="7170" width="15.109375" customWidth="1"/>
    <col min="7171" max="7171" width="13.109375" customWidth="1"/>
    <col min="7172" max="7172" width="5.21875" bestFit="1" customWidth="1"/>
    <col min="7173" max="7173" width="6" bestFit="1" customWidth="1"/>
    <col min="7174" max="7174" width="4.21875" customWidth="1"/>
    <col min="7175" max="7199" width="3.77734375" customWidth="1"/>
    <col min="7200" max="7200" width="9.33203125" customWidth="1"/>
    <col min="7426" max="7426" width="15.109375" customWidth="1"/>
    <col min="7427" max="7427" width="13.109375" customWidth="1"/>
    <col min="7428" max="7428" width="5.21875" bestFit="1" customWidth="1"/>
    <col min="7429" max="7429" width="6" bestFit="1" customWidth="1"/>
    <col min="7430" max="7430" width="4.21875" customWidth="1"/>
    <col min="7431" max="7455" width="3.77734375" customWidth="1"/>
    <col min="7456" max="7456" width="9.33203125" customWidth="1"/>
    <col min="7682" max="7682" width="15.109375" customWidth="1"/>
    <col min="7683" max="7683" width="13.109375" customWidth="1"/>
    <col min="7684" max="7684" width="5.21875" bestFit="1" customWidth="1"/>
    <col min="7685" max="7685" width="6" bestFit="1" customWidth="1"/>
    <col min="7686" max="7686" width="4.21875" customWidth="1"/>
    <col min="7687" max="7711" width="3.77734375" customWidth="1"/>
    <col min="7712" max="7712" width="9.33203125" customWidth="1"/>
    <col min="7938" max="7938" width="15.109375" customWidth="1"/>
    <col min="7939" max="7939" width="13.109375" customWidth="1"/>
    <col min="7940" max="7940" width="5.21875" bestFit="1" customWidth="1"/>
    <col min="7941" max="7941" width="6" bestFit="1" customWidth="1"/>
    <col min="7942" max="7942" width="4.21875" customWidth="1"/>
    <col min="7943" max="7967" width="3.77734375" customWidth="1"/>
    <col min="7968" max="7968" width="9.33203125" customWidth="1"/>
    <col min="8194" max="8194" width="15.109375" customWidth="1"/>
    <col min="8195" max="8195" width="13.109375" customWidth="1"/>
    <col min="8196" max="8196" width="5.21875" bestFit="1" customWidth="1"/>
    <col min="8197" max="8197" width="6" bestFit="1" customWidth="1"/>
    <col min="8198" max="8198" width="4.21875" customWidth="1"/>
    <col min="8199" max="8223" width="3.77734375" customWidth="1"/>
    <col min="8224" max="8224" width="9.33203125" customWidth="1"/>
    <col min="8450" max="8450" width="15.109375" customWidth="1"/>
    <col min="8451" max="8451" width="13.109375" customWidth="1"/>
    <col min="8452" max="8452" width="5.21875" bestFit="1" customWidth="1"/>
    <col min="8453" max="8453" width="6" bestFit="1" customWidth="1"/>
    <col min="8454" max="8454" width="4.21875" customWidth="1"/>
    <col min="8455" max="8479" width="3.77734375" customWidth="1"/>
    <col min="8480" max="8480" width="9.33203125" customWidth="1"/>
    <col min="8706" max="8706" width="15.109375" customWidth="1"/>
    <col min="8707" max="8707" width="13.109375" customWidth="1"/>
    <col min="8708" max="8708" width="5.21875" bestFit="1" customWidth="1"/>
    <col min="8709" max="8709" width="6" bestFit="1" customWidth="1"/>
    <col min="8710" max="8710" width="4.21875" customWidth="1"/>
    <col min="8711" max="8735" width="3.77734375" customWidth="1"/>
    <col min="8736" max="8736" width="9.33203125" customWidth="1"/>
    <col min="8962" max="8962" width="15.109375" customWidth="1"/>
    <col min="8963" max="8963" width="13.109375" customWidth="1"/>
    <col min="8964" max="8964" width="5.21875" bestFit="1" customWidth="1"/>
    <col min="8965" max="8965" width="6" bestFit="1" customWidth="1"/>
    <col min="8966" max="8966" width="4.21875" customWidth="1"/>
    <col min="8967" max="8991" width="3.77734375" customWidth="1"/>
    <col min="8992" max="8992" width="9.33203125" customWidth="1"/>
    <col min="9218" max="9218" width="15.109375" customWidth="1"/>
    <col min="9219" max="9219" width="13.109375" customWidth="1"/>
    <col min="9220" max="9220" width="5.21875" bestFit="1" customWidth="1"/>
    <col min="9221" max="9221" width="6" bestFit="1" customWidth="1"/>
    <col min="9222" max="9222" width="4.21875" customWidth="1"/>
    <col min="9223" max="9247" width="3.77734375" customWidth="1"/>
    <col min="9248" max="9248" width="9.33203125" customWidth="1"/>
    <col min="9474" max="9474" width="15.109375" customWidth="1"/>
    <col min="9475" max="9475" width="13.109375" customWidth="1"/>
    <col min="9476" max="9476" width="5.21875" bestFit="1" customWidth="1"/>
    <col min="9477" max="9477" width="6" bestFit="1" customWidth="1"/>
    <col min="9478" max="9478" width="4.21875" customWidth="1"/>
    <col min="9479" max="9503" width="3.77734375" customWidth="1"/>
    <col min="9504" max="9504" width="9.33203125" customWidth="1"/>
    <col min="9730" max="9730" width="15.109375" customWidth="1"/>
    <col min="9731" max="9731" width="13.109375" customWidth="1"/>
    <col min="9732" max="9732" width="5.21875" bestFit="1" customWidth="1"/>
    <col min="9733" max="9733" width="6" bestFit="1" customWidth="1"/>
    <col min="9734" max="9734" width="4.21875" customWidth="1"/>
    <col min="9735" max="9759" width="3.77734375" customWidth="1"/>
    <col min="9760" max="9760" width="9.33203125" customWidth="1"/>
    <col min="9986" max="9986" width="15.109375" customWidth="1"/>
    <col min="9987" max="9987" width="13.109375" customWidth="1"/>
    <col min="9988" max="9988" width="5.21875" bestFit="1" customWidth="1"/>
    <col min="9989" max="9989" width="6" bestFit="1" customWidth="1"/>
    <col min="9990" max="9990" width="4.21875" customWidth="1"/>
    <col min="9991" max="10015" width="3.77734375" customWidth="1"/>
    <col min="10016" max="10016" width="9.33203125" customWidth="1"/>
    <col min="10242" max="10242" width="15.109375" customWidth="1"/>
    <col min="10243" max="10243" width="13.109375" customWidth="1"/>
    <col min="10244" max="10244" width="5.21875" bestFit="1" customWidth="1"/>
    <col min="10245" max="10245" width="6" bestFit="1" customWidth="1"/>
    <col min="10246" max="10246" width="4.21875" customWidth="1"/>
    <col min="10247" max="10271" width="3.77734375" customWidth="1"/>
    <col min="10272" max="10272" width="9.33203125" customWidth="1"/>
    <col min="10498" max="10498" width="15.109375" customWidth="1"/>
    <col min="10499" max="10499" width="13.109375" customWidth="1"/>
    <col min="10500" max="10500" width="5.21875" bestFit="1" customWidth="1"/>
    <col min="10501" max="10501" width="6" bestFit="1" customWidth="1"/>
    <col min="10502" max="10502" width="4.21875" customWidth="1"/>
    <col min="10503" max="10527" width="3.77734375" customWidth="1"/>
    <col min="10528" max="10528" width="9.33203125" customWidth="1"/>
    <col min="10754" max="10754" width="15.109375" customWidth="1"/>
    <col min="10755" max="10755" width="13.109375" customWidth="1"/>
    <col min="10756" max="10756" width="5.21875" bestFit="1" customWidth="1"/>
    <col min="10757" max="10757" width="6" bestFit="1" customWidth="1"/>
    <col min="10758" max="10758" width="4.21875" customWidth="1"/>
    <col min="10759" max="10783" width="3.77734375" customWidth="1"/>
    <col min="10784" max="10784" width="9.33203125" customWidth="1"/>
    <col min="11010" max="11010" width="15.109375" customWidth="1"/>
    <col min="11011" max="11011" width="13.109375" customWidth="1"/>
    <col min="11012" max="11012" width="5.21875" bestFit="1" customWidth="1"/>
    <col min="11013" max="11013" width="6" bestFit="1" customWidth="1"/>
    <col min="11014" max="11014" width="4.21875" customWidth="1"/>
    <col min="11015" max="11039" width="3.77734375" customWidth="1"/>
    <col min="11040" max="11040" width="9.33203125" customWidth="1"/>
    <col min="11266" max="11266" width="15.109375" customWidth="1"/>
    <col min="11267" max="11267" width="13.109375" customWidth="1"/>
    <col min="11268" max="11268" width="5.21875" bestFit="1" customWidth="1"/>
    <col min="11269" max="11269" width="6" bestFit="1" customWidth="1"/>
    <col min="11270" max="11270" width="4.21875" customWidth="1"/>
    <col min="11271" max="11295" width="3.77734375" customWidth="1"/>
    <col min="11296" max="11296" width="9.33203125" customWidth="1"/>
    <col min="11522" max="11522" width="15.109375" customWidth="1"/>
    <col min="11523" max="11523" width="13.109375" customWidth="1"/>
    <col min="11524" max="11524" width="5.21875" bestFit="1" customWidth="1"/>
    <col min="11525" max="11525" width="6" bestFit="1" customWidth="1"/>
    <col min="11526" max="11526" width="4.21875" customWidth="1"/>
    <col min="11527" max="11551" width="3.77734375" customWidth="1"/>
    <col min="11552" max="11552" width="9.33203125" customWidth="1"/>
    <col min="11778" max="11778" width="15.109375" customWidth="1"/>
    <col min="11779" max="11779" width="13.109375" customWidth="1"/>
    <col min="11780" max="11780" width="5.21875" bestFit="1" customWidth="1"/>
    <col min="11781" max="11781" width="6" bestFit="1" customWidth="1"/>
    <col min="11782" max="11782" width="4.21875" customWidth="1"/>
    <col min="11783" max="11807" width="3.77734375" customWidth="1"/>
    <col min="11808" max="11808" width="9.33203125" customWidth="1"/>
    <col min="12034" max="12034" width="15.109375" customWidth="1"/>
    <col min="12035" max="12035" width="13.109375" customWidth="1"/>
    <col min="12036" max="12036" width="5.21875" bestFit="1" customWidth="1"/>
    <col min="12037" max="12037" width="6" bestFit="1" customWidth="1"/>
    <col min="12038" max="12038" width="4.21875" customWidth="1"/>
    <col min="12039" max="12063" width="3.77734375" customWidth="1"/>
    <col min="12064" max="12064" width="9.33203125" customWidth="1"/>
    <col min="12290" max="12290" width="15.109375" customWidth="1"/>
    <col min="12291" max="12291" width="13.109375" customWidth="1"/>
    <col min="12292" max="12292" width="5.21875" bestFit="1" customWidth="1"/>
    <col min="12293" max="12293" width="6" bestFit="1" customWidth="1"/>
    <col min="12294" max="12294" width="4.21875" customWidth="1"/>
    <col min="12295" max="12319" width="3.77734375" customWidth="1"/>
    <col min="12320" max="12320" width="9.33203125" customWidth="1"/>
    <col min="12546" max="12546" width="15.109375" customWidth="1"/>
    <col min="12547" max="12547" width="13.109375" customWidth="1"/>
    <col min="12548" max="12548" width="5.21875" bestFit="1" customWidth="1"/>
    <col min="12549" max="12549" width="6" bestFit="1" customWidth="1"/>
    <col min="12550" max="12550" width="4.21875" customWidth="1"/>
    <col min="12551" max="12575" width="3.77734375" customWidth="1"/>
    <col min="12576" max="12576" width="9.33203125" customWidth="1"/>
    <col min="12802" max="12802" width="15.109375" customWidth="1"/>
    <col min="12803" max="12803" width="13.109375" customWidth="1"/>
    <col min="12804" max="12804" width="5.21875" bestFit="1" customWidth="1"/>
    <col min="12805" max="12805" width="6" bestFit="1" customWidth="1"/>
    <col min="12806" max="12806" width="4.21875" customWidth="1"/>
    <col min="12807" max="12831" width="3.77734375" customWidth="1"/>
    <col min="12832" max="12832" width="9.33203125" customWidth="1"/>
    <col min="13058" max="13058" width="15.109375" customWidth="1"/>
    <col min="13059" max="13059" width="13.109375" customWidth="1"/>
    <col min="13060" max="13060" width="5.21875" bestFit="1" customWidth="1"/>
    <col min="13061" max="13061" width="6" bestFit="1" customWidth="1"/>
    <col min="13062" max="13062" width="4.21875" customWidth="1"/>
    <col min="13063" max="13087" width="3.77734375" customWidth="1"/>
    <col min="13088" max="13088" width="9.33203125" customWidth="1"/>
    <col min="13314" max="13314" width="15.109375" customWidth="1"/>
    <col min="13315" max="13315" width="13.109375" customWidth="1"/>
    <col min="13316" max="13316" width="5.21875" bestFit="1" customWidth="1"/>
    <col min="13317" max="13317" width="6" bestFit="1" customWidth="1"/>
    <col min="13318" max="13318" width="4.21875" customWidth="1"/>
    <col min="13319" max="13343" width="3.77734375" customWidth="1"/>
    <col min="13344" max="13344" width="9.33203125" customWidth="1"/>
    <col min="13570" max="13570" width="15.109375" customWidth="1"/>
    <col min="13571" max="13571" width="13.109375" customWidth="1"/>
    <col min="13572" max="13572" width="5.21875" bestFit="1" customWidth="1"/>
    <col min="13573" max="13573" width="6" bestFit="1" customWidth="1"/>
    <col min="13574" max="13574" width="4.21875" customWidth="1"/>
    <col min="13575" max="13599" width="3.77734375" customWidth="1"/>
    <col min="13600" max="13600" width="9.33203125" customWidth="1"/>
    <col min="13826" max="13826" width="15.109375" customWidth="1"/>
    <col min="13827" max="13827" width="13.109375" customWidth="1"/>
    <col min="13828" max="13828" width="5.21875" bestFit="1" customWidth="1"/>
    <col min="13829" max="13829" width="6" bestFit="1" customWidth="1"/>
    <col min="13830" max="13830" width="4.21875" customWidth="1"/>
    <col min="13831" max="13855" width="3.77734375" customWidth="1"/>
    <col min="13856" max="13856" width="9.33203125" customWidth="1"/>
    <col min="14082" max="14082" width="15.109375" customWidth="1"/>
    <col min="14083" max="14083" width="13.109375" customWidth="1"/>
    <col min="14084" max="14084" width="5.21875" bestFit="1" customWidth="1"/>
    <col min="14085" max="14085" width="6" bestFit="1" customWidth="1"/>
    <col min="14086" max="14086" width="4.21875" customWidth="1"/>
    <col min="14087" max="14111" width="3.77734375" customWidth="1"/>
    <col min="14112" max="14112" width="9.33203125" customWidth="1"/>
    <col min="14338" max="14338" width="15.109375" customWidth="1"/>
    <col min="14339" max="14339" width="13.109375" customWidth="1"/>
    <col min="14340" max="14340" width="5.21875" bestFit="1" customWidth="1"/>
    <col min="14341" max="14341" width="6" bestFit="1" customWidth="1"/>
    <col min="14342" max="14342" width="4.21875" customWidth="1"/>
    <col min="14343" max="14367" width="3.77734375" customWidth="1"/>
    <col min="14368" max="14368" width="9.33203125" customWidth="1"/>
    <col min="14594" max="14594" width="15.109375" customWidth="1"/>
    <col min="14595" max="14595" width="13.109375" customWidth="1"/>
    <col min="14596" max="14596" width="5.21875" bestFit="1" customWidth="1"/>
    <col min="14597" max="14597" width="6" bestFit="1" customWidth="1"/>
    <col min="14598" max="14598" width="4.21875" customWidth="1"/>
    <col min="14599" max="14623" width="3.77734375" customWidth="1"/>
    <col min="14624" max="14624" width="9.33203125" customWidth="1"/>
    <col min="14850" max="14850" width="15.109375" customWidth="1"/>
    <col min="14851" max="14851" width="13.109375" customWidth="1"/>
    <col min="14852" max="14852" width="5.21875" bestFit="1" customWidth="1"/>
    <col min="14853" max="14853" width="6" bestFit="1" customWidth="1"/>
    <col min="14854" max="14854" width="4.21875" customWidth="1"/>
    <col min="14855" max="14879" width="3.77734375" customWidth="1"/>
    <col min="14880" max="14880" width="9.33203125" customWidth="1"/>
    <col min="15106" max="15106" width="15.109375" customWidth="1"/>
    <col min="15107" max="15107" width="13.109375" customWidth="1"/>
    <col min="15108" max="15108" width="5.21875" bestFit="1" customWidth="1"/>
    <col min="15109" max="15109" width="6" bestFit="1" customWidth="1"/>
    <col min="15110" max="15110" width="4.21875" customWidth="1"/>
    <col min="15111" max="15135" width="3.77734375" customWidth="1"/>
    <col min="15136" max="15136" width="9.33203125" customWidth="1"/>
    <col min="15362" max="15362" width="15.109375" customWidth="1"/>
    <col min="15363" max="15363" width="13.109375" customWidth="1"/>
    <col min="15364" max="15364" width="5.21875" bestFit="1" customWidth="1"/>
    <col min="15365" max="15365" width="6" bestFit="1" customWidth="1"/>
    <col min="15366" max="15366" width="4.21875" customWidth="1"/>
    <col min="15367" max="15391" width="3.77734375" customWidth="1"/>
    <col min="15392" max="15392" width="9.33203125" customWidth="1"/>
    <col min="15618" max="15618" width="15.109375" customWidth="1"/>
    <col min="15619" max="15619" width="13.109375" customWidth="1"/>
    <col min="15620" max="15620" width="5.21875" bestFit="1" customWidth="1"/>
    <col min="15621" max="15621" width="6" bestFit="1" customWidth="1"/>
    <col min="15622" max="15622" width="4.21875" customWidth="1"/>
    <col min="15623" max="15647" width="3.77734375" customWidth="1"/>
    <col min="15648" max="15648" width="9.33203125" customWidth="1"/>
    <col min="15874" max="15874" width="15.109375" customWidth="1"/>
    <col min="15875" max="15875" width="13.109375" customWidth="1"/>
    <col min="15876" max="15876" width="5.21875" bestFit="1" customWidth="1"/>
    <col min="15877" max="15877" width="6" bestFit="1" customWidth="1"/>
    <col min="15878" max="15878" width="4.21875" customWidth="1"/>
    <col min="15879" max="15903" width="3.77734375" customWidth="1"/>
    <col min="15904" max="15904" width="9.33203125" customWidth="1"/>
    <col min="16130" max="16130" width="15.109375" customWidth="1"/>
    <col min="16131" max="16131" width="13.109375" customWidth="1"/>
    <col min="16132" max="16132" width="5.21875" bestFit="1" customWidth="1"/>
    <col min="16133" max="16133" width="6" bestFit="1" customWidth="1"/>
    <col min="16134" max="16134" width="4.21875" customWidth="1"/>
    <col min="16135" max="16159" width="3.77734375" customWidth="1"/>
    <col min="16160" max="16160" width="9.33203125" customWidth="1"/>
  </cols>
  <sheetData>
    <row r="1" spans="1:33" ht="31.5" customHeight="1" x14ac:dyDescent="0.2">
      <c r="A1" s="44" t="s">
        <v>963</v>
      </c>
      <c r="C1" s="47"/>
      <c r="D1" s="30"/>
      <c r="E1" s="31"/>
      <c r="F1" s="31"/>
      <c r="G1" s="31"/>
      <c r="H1" s="31"/>
      <c r="I1" s="31"/>
      <c r="J1" s="31"/>
      <c r="K1" s="31"/>
      <c r="L1" s="31"/>
      <c r="M1" s="31"/>
      <c r="N1" s="31"/>
      <c r="O1" s="31"/>
      <c r="P1" s="31"/>
      <c r="Q1" s="31"/>
      <c r="R1" s="31"/>
      <c r="S1" s="31"/>
      <c r="T1" s="31"/>
      <c r="U1" s="31"/>
      <c r="V1" s="31"/>
      <c r="W1" s="31"/>
      <c r="X1" s="31"/>
      <c r="Y1" s="31"/>
      <c r="Z1" s="31"/>
      <c r="AA1" s="31"/>
      <c r="AB1" s="31"/>
      <c r="AC1" s="31"/>
      <c r="AD1" s="31"/>
      <c r="AE1" s="31"/>
      <c r="AF1" s="31"/>
      <c r="AG1" s="27"/>
    </row>
    <row r="2" spans="1:33" ht="18.899999999999999" customHeight="1" x14ac:dyDescent="0.2">
      <c r="A2" s="140" t="s">
        <v>202</v>
      </c>
      <c r="B2" s="142" t="s">
        <v>1</v>
      </c>
      <c r="C2" s="142" t="s">
        <v>4</v>
      </c>
      <c r="D2" s="144" t="s">
        <v>5</v>
      </c>
      <c r="E2" s="146" t="s">
        <v>203</v>
      </c>
      <c r="F2" s="147"/>
      <c r="G2" s="147"/>
      <c r="H2" s="147"/>
      <c r="I2" s="147"/>
      <c r="J2" s="147"/>
      <c r="K2" s="147"/>
      <c r="L2" s="147"/>
      <c r="M2" s="147"/>
      <c r="N2" s="147"/>
      <c r="O2" s="147"/>
      <c r="P2" s="147"/>
      <c r="Q2" s="147"/>
      <c r="R2" s="147"/>
      <c r="S2" s="147"/>
      <c r="T2" s="147"/>
      <c r="U2" s="147"/>
      <c r="V2" s="147"/>
      <c r="W2" s="147"/>
      <c r="X2" s="147"/>
      <c r="Y2" s="147"/>
      <c r="Z2" s="147"/>
      <c r="AA2" s="147"/>
      <c r="AB2" s="147"/>
      <c r="AC2" s="147"/>
      <c r="AD2" s="147"/>
      <c r="AE2" s="147"/>
      <c r="AF2" s="148"/>
      <c r="AG2" s="149" t="s">
        <v>204</v>
      </c>
    </row>
    <row r="3" spans="1:33" ht="39.9" customHeight="1" x14ac:dyDescent="0.2">
      <c r="A3" s="141"/>
      <c r="B3" s="143"/>
      <c r="C3" s="143"/>
      <c r="D3" s="145"/>
      <c r="E3" s="11" t="s">
        <v>9</v>
      </c>
      <c r="F3" s="10" t="s">
        <v>10</v>
      </c>
      <c r="G3" s="10" t="s">
        <v>11</v>
      </c>
      <c r="H3" s="10" t="s">
        <v>12</v>
      </c>
      <c r="I3" s="10" t="s">
        <v>13</v>
      </c>
      <c r="J3" s="10" t="s">
        <v>14</v>
      </c>
      <c r="K3" s="7" t="s">
        <v>205</v>
      </c>
      <c r="L3" s="10" t="s">
        <v>15</v>
      </c>
      <c r="M3" s="10" t="s">
        <v>16</v>
      </c>
      <c r="N3" s="10" t="s">
        <v>17</v>
      </c>
      <c r="O3" s="10" t="s">
        <v>18</v>
      </c>
      <c r="P3" s="10" t="s">
        <v>76</v>
      </c>
      <c r="Q3" s="10" t="s">
        <v>19</v>
      </c>
      <c r="R3" s="10" t="s">
        <v>20</v>
      </c>
      <c r="S3" s="10" t="s">
        <v>21</v>
      </c>
      <c r="T3" s="10" t="s">
        <v>22</v>
      </c>
      <c r="U3" s="10" t="s">
        <v>23</v>
      </c>
      <c r="V3" s="10" t="s">
        <v>24</v>
      </c>
      <c r="W3" s="10" t="s">
        <v>206</v>
      </c>
      <c r="X3" s="10" t="s">
        <v>25</v>
      </c>
      <c r="Y3" s="10" t="s">
        <v>26</v>
      </c>
      <c r="Z3" s="10" t="s">
        <v>27</v>
      </c>
      <c r="AA3" s="10" t="s">
        <v>28</v>
      </c>
      <c r="AB3" s="10" t="s">
        <v>29</v>
      </c>
      <c r="AC3" s="10" t="s">
        <v>30</v>
      </c>
      <c r="AD3" s="10" t="s">
        <v>207</v>
      </c>
      <c r="AE3" s="7" t="s">
        <v>208</v>
      </c>
      <c r="AF3" s="7" t="s">
        <v>209</v>
      </c>
      <c r="AG3" s="149"/>
    </row>
    <row r="4" spans="1:33" ht="35.25" customHeight="1" x14ac:dyDescent="0.2">
      <c r="A4" s="129" t="s">
        <v>972</v>
      </c>
      <c r="B4" s="64" t="s">
        <v>939</v>
      </c>
      <c r="C4" s="32" t="s">
        <v>921</v>
      </c>
      <c r="D4" s="53" t="s">
        <v>31</v>
      </c>
      <c r="E4" s="75"/>
      <c r="F4" s="75"/>
      <c r="G4" s="79" t="s">
        <v>961</v>
      </c>
      <c r="H4" s="75"/>
      <c r="I4" s="75"/>
      <c r="J4" s="75"/>
      <c r="K4" s="75"/>
      <c r="L4" s="75"/>
      <c r="M4" s="75"/>
      <c r="N4" s="75"/>
      <c r="O4" s="75"/>
      <c r="P4" s="75"/>
      <c r="Q4" s="75"/>
      <c r="R4" s="75"/>
      <c r="S4" s="75"/>
      <c r="T4" s="75"/>
      <c r="U4" s="75"/>
      <c r="V4" s="75"/>
      <c r="W4" s="75"/>
      <c r="X4" s="75"/>
      <c r="Y4" s="75"/>
      <c r="Z4" s="75"/>
      <c r="AA4" s="75"/>
      <c r="AB4" s="75"/>
      <c r="AC4" s="75"/>
      <c r="AD4" s="79" t="s">
        <v>961</v>
      </c>
      <c r="AE4" s="75"/>
      <c r="AF4" s="75"/>
      <c r="AG4" s="49" t="s">
        <v>973</v>
      </c>
    </row>
    <row r="5" spans="1:33" ht="35.25" customHeight="1" x14ac:dyDescent="0.2">
      <c r="A5" s="129" t="s">
        <v>972</v>
      </c>
      <c r="B5" s="64" t="s">
        <v>940</v>
      </c>
      <c r="C5" s="6" t="s">
        <v>921</v>
      </c>
      <c r="D5" s="53" t="s">
        <v>31</v>
      </c>
      <c r="E5" s="75"/>
      <c r="F5" s="75"/>
      <c r="G5" s="79" t="s">
        <v>961</v>
      </c>
      <c r="H5" s="75"/>
      <c r="I5" s="75"/>
      <c r="J5" s="75"/>
      <c r="K5" s="75"/>
      <c r="L5" s="75"/>
      <c r="M5" s="75"/>
      <c r="N5" s="75"/>
      <c r="O5" s="75"/>
      <c r="P5" s="75"/>
      <c r="Q5" s="75"/>
      <c r="R5" s="75"/>
      <c r="S5" s="75"/>
      <c r="T5" s="75"/>
      <c r="U5" s="75"/>
      <c r="V5" s="75"/>
      <c r="W5" s="75"/>
      <c r="X5" s="75"/>
      <c r="Y5" s="75"/>
      <c r="Z5" s="75"/>
      <c r="AA5" s="75"/>
      <c r="AB5" s="75"/>
      <c r="AC5" s="75"/>
      <c r="AD5" s="75"/>
      <c r="AE5" s="75"/>
      <c r="AF5" s="75"/>
      <c r="AG5" s="35" t="s">
        <v>975</v>
      </c>
    </row>
    <row r="6" spans="1:33" ht="35.25" customHeight="1" x14ac:dyDescent="0.2">
      <c r="A6" s="130" t="s">
        <v>909</v>
      </c>
      <c r="B6" s="57" t="s">
        <v>1022</v>
      </c>
      <c r="C6" s="6" t="s">
        <v>921</v>
      </c>
      <c r="D6" s="53" t="s">
        <v>31</v>
      </c>
      <c r="E6" s="121"/>
      <c r="F6" s="79"/>
      <c r="G6" s="75"/>
      <c r="H6" s="75"/>
      <c r="I6" s="75"/>
      <c r="J6" s="75"/>
      <c r="K6" s="75"/>
      <c r="L6" s="75"/>
      <c r="M6" s="75"/>
      <c r="N6" s="75"/>
      <c r="O6" s="75"/>
      <c r="P6" s="75"/>
      <c r="Q6" s="75"/>
      <c r="R6" s="75"/>
      <c r="S6" s="75"/>
      <c r="T6" s="75"/>
      <c r="U6" s="79"/>
      <c r="V6" s="75"/>
      <c r="W6" s="75"/>
      <c r="X6" s="75"/>
      <c r="Y6" s="75"/>
      <c r="Z6" s="75"/>
      <c r="AA6" s="75"/>
      <c r="AB6" s="75"/>
      <c r="AC6" s="75"/>
      <c r="AD6" s="79"/>
      <c r="AE6" s="75"/>
      <c r="AF6" s="75"/>
      <c r="AG6" s="35"/>
    </row>
    <row r="7" spans="1:33" ht="35.25" customHeight="1" x14ac:dyDescent="0.2">
      <c r="A7" s="131" t="s">
        <v>984</v>
      </c>
      <c r="B7" s="64" t="s">
        <v>950</v>
      </c>
      <c r="C7" s="6" t="s">
        <v>1026</v>
      </c>
      <c r="D7" s="53" t="s">
        <v>71</v>
      </c>
      <c r="E7" s="127"/>
      <c r="F7" s="123"/>
      <c r="G7" s="79" t="s">
        <v>961</v>
      </c>
      <c r="H7" s="123"/>
      <c r="I7" s="79"/>
      <c r="J7" s="79"/>
      <c r="K7" s="79"/>
      <c r="L7" s="79"/>
      <c r="M7" s="75"/>
      <c r="N7" s="79"/>
      <c r="O7" s="79"/>
      <c r="P7" s="79"/>
      <c r="Q7" s="123"/>
      <c r="R7" s="79"/>
      <c r="S7" s="79"/>
      <c r="T7" s="79"/>
      <c r="U7" s="122"/>
      <c r="V7" s="122"/>
      <c r="W7" s="123"/>
      <c r="X7" s="79"/>
      <c r="Y7" s="79"/>
      <c r="Z7" s="79"/>
      <c r="AA7" s="79"/>
      <c r="AB7" s="123"/>
      <c r="AC7" s="122"/>
      <c r="AD7" s="122"/>
      <c r="AE7" s="122"/>
      <c r="AF7" s="122"/>
      <c r="AG7" s="48" t="s">
        <v>985</v>
      </c>
    </row>
    <row r="8" spans="1:33" ht="35.25" customHeight="1" x14ac:dyDescent="0.2">
      <c r="A8" s="130" t="s">
        <v>977</v>
      </c>
      <c r="B8" s="64" t="s">
        <v>301</v>
      </c>
      <c r="C8" s="6"/>
      <c r="D8" s="53" t="s">
        <v>31</v>
      </c>
      <c r="E8" s="121"/>
      <c r="F8" s="75"/>
      <c r="G8" s="75"/>
      <c r="H8" s="75"/>
      <c r="I8" s="75"/>
      <c r="J8" s="75"/>
      <c r="K8" s="75"/>
      <c r="L8" s="75"/>
      <c r="M8" s="75"/>
      <c r="N8" s="75"/>
      <c r="O8" s="75"/>
      <c r="P8" s="75"/>
      <c r="Q8" s="75"/>
      <c r="R8" s="75"/>
      <c r="S8" s="75"/>
      <c r="T8" s="75"/>
      <c r="U8" s="79"/>
      <c r="V8" s="75"/>
      <c r="W8" s="75"/>
      <c r="X8" s="75"/>
      <c r="Y8" s="75"/>
      <c r="Z8" s="75"/>
      <c r="AA8" s="75"/>
      <c r="AB8" s="75"/>
      <c r="AC8" s="75"/>
      <c r="AD8" s="75"/>
      <c r="AE8" s="75"/>
      <c r="AF8" s="75"/>
      <c r="AG8" s="49"/>
    </row>
    <row r="9" spans="1:33" ht="35.25" customHeight="1" x14ac:dyDescent="0.2">
      <c r="A9" s="130" t="s">
        <v>977</v>
      </c>
      <c r="B9" s="64" t="s">
        <v>948</v>
      </c>
      <c r="C9" s="6" t="s">
        <v>999</v>
      </c>
      <c r="D9" s="53" t="s">
        <v>71</v>
      </c>
      <c r="E9" s="79"/>
      <c r="F9" s="79"/>
      <c r="G9" s="79"/>
      <c r="H9" s="79"/>
      <c r="I9" s="79"/>
      <c r="J9" s="79"/>
      <c r="K9" s="79"/>
      <c r="L9" s="79"/>
      <c r="M9" s="79"/>
      <c r="N9" s="79"/>
      <c r="O9" s="79"/>
      <c r="P9" s="79"/>
      <c r="Q9" s="79"/>
      <c r="R9" s="79"/>
      <c r="S9" s="79"/>
      <c r="T9" s="79"/>
      <c r="U9" s="79"/>
      <c r="V9" s="79"/>
      <c r="W9" s="79"/>
      <c r="X9" s="79"/>
      <c r="Y9" s="79"/>
      <c r="Z9" s="123"/>
      <c r="AA9" s="79"/>
      <c r="AB9" s="123"/>
      <c r="AC9" s="123"/>
      <c r="AD9" s="122"/>
      <c r="AE9" s="123"/>
      <c r="AF9" s="123"/>
      <c r="AG9" s="43"/>
    </row>
    <row r="10" spans="1:33" ht="93" customHeight="1" x14ac:dyDescent="0.2">
      <c r="A10" s="132" t="s">
        <v>925</v>
      </c>
      <c r="B10" s="64" t="s">
        <v>951</v>
      </c>
      <c r="C10" s="6" t="s">
        <v>1000</v>
      </c>
      <c r="D10" s="53" t="s">
        <v>71</v>
      </c>
      <c r="E10" s="75"/>
      <c r="F10" s="79" t="s">
        <v>961</v>
      </c>
      <c r="G10" s="79" t="s">
        <v>961</v>
      </c>
      <c r="H10" s="75"/>
      <c r="I10" s="75"/>
      <c r="J10" s="75"/>
      <c r="K10" s="75"/>
      <c r="L10" s="75"/>
      <c r="M10" s="75"/>
      <c r="N10" s="75"/>
      <c r="O10" s="75"/>
      <c r="P10" s="75"/>
      <c r="Q10" s="79" t="s">
        <v>961</v>
      </c>
      <c r="R10" s="75"/>
      <c r="S10" s="75"/>
      <c r="T10" s="75"/>
      <c r="U10" s="79" t="s">
        <v>961</v>
      </c>
      <c r="V10" s="75"/>
      <c r="W10" s="75"/>
      <c r="X10" s="75"/>
      <c r="Y10" s="75"/>
      <c r="Z10" s="75"/>
      <c r="AA10" s="75"/>
      <c r="AB10" s="79"/>
      <c r="AC10" s="75"/>
      <c r="AD10" s="75"/>
      <c r="AE10" s="75"/>
      <c r="AF10" s="79"/>
      <c r="AG10" s="49" t="s">
        <v>1027</v>
      </c>
    </row>
    <row r="11" spans="1:33" ht="35.25" customHeight="1" x14ac:dyDescent="0.2">
      <c r="A11" s="131" t="s">
        <v>925</v>
      </c>
      <c r="B11" s="57" t="s">
        <v>1023</v>
      </c>
      <c r="C11" s="6"/>
      <c r="D11" s="53" t="s">
        <v>31</v>
      </c>
      <c r="E11" s="126"/>
      <c r="F11" s="122"/>
      <c r="G11" s="122"/>
      <c r="H11" s="79"/>
      <c r="I11" s="79"/>
      <c r="J11" s="79"/>
      <c r="K11" s="122"/>
      <c r="L11" s="79"/>
      <c r="M11" s="79"/>
      <c r="N11" s="123"/>
      <c r="O11" s="79"/>
      <c r="P11" s="79"/>
      <c r="Q11" s="79"/>
      <c r="R11" s="79"/>
      <c r="S11" s="79"/>
      <c r="T11" s="79"/>
      <c r="U11" s="79"/>
      <c r="V11" s="122"/>
      <c r="W11" s="79"/>
      <c r="X11" s="122"/>
      <c r="Y11" s="79"/>
      <c r="Z11" s="79"/>
      <c r="AA11" s="79"/>
      <c r="AB11" s="79"/>
      <c r="AC11" s="79"/>
      <c r="AD11" s="79"/>
      <c r="AE11" s="79"/>
      <c r="AF11" s="79"/>
      <c r="AG11" s="48"/>
    </row>
    <row r="12" spans="1:33" ht="35.25" customHeight="1" x14ac:dyDescent="0.2">
      <c r="A12" s="129" t="s">
        <v>917</v>
      </c>
      <c r="B12" s="64" t="s">
        <v>954</v>
      </c>
      <c r="C12" s="6" t="s">
        <v>1001</v>
      </c>
      <c r="D12" s="53" t="s">
        <v>33</v>
      </c>
      <c r="E12" s="75"/>
      <c r="F12" s="75"/>
      <c r="G12" s="75"/>
      <c r="H12" s="75"/>
      <c r="I12" s="75"/>
      <c r="J12" s="75"/>
      <c r="K12" s="75"/>
      <c r="L12" s="75"/>
      <c r="M12" s="75"/>
      <c r="N12" s="75"/>
      <c r="O12" s="75"/>
      <c r="P12" s="75"/>
      <c r="Q12" s="75"/>
      <c r="R12" s="75"/>
      <c r="S12" s="75"/>
      <c r="T12" s="75"/>
      <c r="U12" s="75"/>
      <c r="V12" s="75"/>
      <c r="W12" s="75"/>
      <c r="X12" s="75"/>
      <c r="Y12" s="75"/>
      <c r="Z12" s="75"/>
      <c r="AA12" s="75"/>
      <c r="AB12" s="75"/>
      <c r="AC12" s="75"/>
      <c r="AD12" s="79"/>
      <c r="AE12" s="75"/>
      <c r="AF12" s="79"/>
      <c r="AG12" s="37"/>
    </row>
    <row r="13" spans="1:33" ht="35.25" customHeight="1" x14ac:dyDescent="0.2">
      <c r="A13" s="129" t="s">
        <v>967</v>
      </c>
      <c r="B13" s="64" t="s">
        <v>943</v>
      </c>
      <c r="C13" s="6" t="s">
        <v>919</v>
      </c>
      <c r="D13" s="53" t="s">
        <v>31</v>
      </c>
      <c r="E13" s="75"/>
      <c r="F13" s="75"/>
      <c r="G13" s="75"/>
      <c r="H13" s="75"/>
      <c r="I13" s="75"/>
      <c r="J13" s="75"/>
      <c r="K13" s="75"/>
      <c r="L13" s="75"/>
      <c r="M13" s="75"/>
      <c r="N13" s="75"/>
      <c r="O13" s="75"/>
      <c r="P13" s="75"/>
      <c r="Q13" s="75"/>
      <c r="R13" s="75"/>
      <c r="S13" s="75"/>
      <c r="T13" s="75"/>
      <c r="U13" s="79"/>
      <c r="V13" s="75"/>
      <c r="W13" s="75"/>
      <c r="X13" s="75"/>
      <c r="Y13" s="75"/>
      <c r="Z13" s="75"/>
      <c r="AA13" s="75"/>
      <c r="AB13" s="75"/>
      <c r="AC13" s="75"/>
      <c r="AD13" s="75"/>
      <c r="AE13" s="75"/>
      <c r="AF13" s="75"/>
      <c r="AG13" s="49"/>
    </row>
    <row r="14" spans="1:33" ht="35.25" customHeight="1" x14ac:dyDescent="0.2">
      <c r="A14" s="130" t="s">
        <v>967</v>
      </c>
      <c r="B14" s="64" t="s">
        <v>944</v>
      </c>
      <c r="C14" s="6" t="s">
        <v>913</v>
      </c>
      <c r="D14" s="53" t="s">
        <v>31</v>
      </c>
      <c r="E14" s="121"/>
      <c r="F14" s="75"/>
      <c r="G14" s="75"/>
      <c r="H14" s="75"/>
      <c r="I14" s="75"/>
      <c r="J14" s="75"/>
      <c r="K14" s="75"/>
      <c r="L14" s="75"/>
      <c r="M14" s="75"/>
      <c r="N14" s="75"/>
      <c r="O14" s="75"/>
      <c r="P14" s="75"/>
      <c r="Q14" s="75"/>
      <c r="R14" s="75"/>
      <c r="S14" s="75"/>
      <c r="T14" s="75"/>
      <c r="U14" s="79" t="s">
        <v>961</v>
      </c>
      <c r="V14" s="79"/>
      <c r="W14" s="75"/>
      <c r="X14" s="75"/>
      <c r="Y14" s="75"/>
      <c r="Z14" s="75"/>
      <c r="AA14" s="75"/>
      <c r="AB14" s="75"/>
      <c r="AC14" s="75"/>
      <c r="AD14" s="75"/>
      <c r="AE14" s="75"/>
      <c r="AF14" s="75"/>
      <c r="AG14" s="35" t="s">
        <v>978</v>
      </c>
    </row>
    <row r="15" spans="1:33" ht="35.25" customHeight="1" x14ac:dyDescent="0.2">
      <c r="A15" s="129" t="s">
        <v>967</v>
      </c>
      <c r="B15" s="64" t="s">
        <v>945</v>
      </c>
      <c r="C15" s="6" t="s">
        <v>1002</v>
      </c>
      <c r="D15" s="53" t="s">
        <v>33</v>
      </c>
      <c r="E15" s="75"/>
      <c r="F15" s="75"/>
      <c r="G15" s="75"/>
      <c r="H15" s="75"/>
      <c r="I15" s="75"/>
      <c r="J15" s="75"/>
      <c r="K15" s="75"/>
      <c r="L15" s="75"/>
      <c r="M15" s="75"/>
      <c r="N15" s="75"/>
      <c r="O15" s="75"/>
      <c r="P15" s="75"/>
      <c r="Q15" s="75"/>
      <c r="R15" s="75"/>
      <c r="S15" s="75"/>
      <c r="T15" s="75"/>
      <c r="U15" s="79" t="s">
        <v>961</v>
      </c>
      <c r="V15" s="75"/>
      <c r="W15" s="75"/>
      <c r="X15" s="75"/>
      <c r="Y15" s="75"/>
      <c r="Z15" s="75"/>
      <c r="AA15" s="75"/>
      <c r="AB15" s="75"/>
      <c r="AC15" s="75"/>
      <c r="AD15" s="75"/>
      <c r="AE15" s="75"/>
      <c r="AF15" s="75"/>
      <c r="AG15" s="35" t="s">
        <v>978</v>
      </c>
    </row>
    <row r="16" spans="1:33" ht="35.25" customHeight="1" x14ac:dyDescent="0.2">
      <c r="A16" s="130" t="s">
        <v>981</v>
      </c>
      <c r="B16" s="64" t="s">
        <v>949</v>
      </c>
      <c r="C16" s="6" t="s">
        <v>960</v>
      </c>
      <c r="D16" s="53" t="s">
        <v>31</v>
      </c>
      <c r="E16" s="120"/>
      <c r="F16" s="79"/>
      <c r="G16" s="79"/>
      <c r="H16" s="79"/>
      <c r="I16" s="79"/>
      <c r="J16" s="79"/>
      <c r="K16" s="79"/>
      <c r="L16" s="79"/>
      <c r="M16" s="79"/>
      <c r="N16" s="79"/>
      <c r="O16" s="79"/>
      <c r="P16" s="79"/>
      <c r="Q16" s="79"/>
      <c r="R16" s="79"/>
      <c r="S16" s="79"/>
      <c r="T16" s="79"/>
      <c r="U16" s="79" t="s">
        <v>961</v>
      </c>
      <c r="V16" s="78"/>
      <c r="W16" s="79"/>
      <c r="X16" s="122"/>
      <c r="Y16" s="79"/>
      <c r="Z16" s="79"/>
      <c r="AA16" s="79"/>
      <c r="AB16" s="79"/>
      <c r="AC16" s="122"/>
      <c r="AD16" s="122"/>
      <c r="AE16" s="122"/>
      <c r="AF16" s="122"/>
      <c r="AG16" s="43" t="s">
        <v>978</v>
      </c>
    </row>
    <row r="17" spans="1:33" ht="35.25" customHeight="1" x14ac:dyDescent="0.2">
      <c r="A17" s="132" t="s">
        <v>967</v>
      </c>
      <c r="B17" s="64" t="s">
        <v>928</v>
      </c>
      <c r="C17" s="6" t="s">
        <v>922</v>
      </c>
      <c r="D17" s="53" t="s">
        <v>71</v>
      </c>
      <c r="E17" s="75"/>
      <c r="F17" s="75"/>
      <c r="G17" s="79" t="s">
        <v>961</v>
      </c>
      <c r="H17" s="75"/>
      <c r="I17" s="75"/>
      <c r="J17" s="75"/>
      <c r="K17" s="75"/>
      <c r="L17" s="75"/>
      <c r="M17" s="75"/>
      <c r="N17" s="75"/>
      <c r="O17" s="75"/>
      <c r="P17" s="75"/>
      <c r="Q17" s="75"/>
      <c r="R17" s="75"/>
      <c r="S17" s="75"/>
      <c r="T17" s="75"/>
      <c r="U17" s="79" t="s">
        <v>961</v>
      </c>
      <c r="V17" s="75"/>
      <c r="W17" s="75"/>
      <c r="X17" s="75"/>
      <c r="Y17" s="75"/>
      <c r="Z17" s="75"/>
      <c r="AA17" s="75"/>
      <c r="AB17" s="75"/>
      <c r="AC17" s="75"/>
      <c r="AD17" s="75"/>
      <c r="AE17" s="75"/>
      <c r="AF17" s="75"/>
      <c r="AG17" s="35" t="s">
        <v>1028</v>
      </c>
    </row>
    <row r="18" spans="1:33" ht="35.25" customHeight="1" x14ac:dyDescent="0.2">
      <c r="A18" s="130" t="s">
        <v>918</v>
      </c>
      <c r="B18" s="64" t="s">
        <v>995</v>
      </c>
      <c r="C18" s="6" t="s">
        <v>1003</v>
      </c>
      <c r="D18" s="53" t="s">
        <v>33</v>
      </c>
      <c r="E18" s="126"/>
      <c r="F18" s="122"/>
      <c r="G18" s="79"/>
      <c r="H18" s="79"/>
      <c r="I18" s="79"/>
      <c r="J18" s="79"/>
      <c r="K18" s="79"/>
      <c r="L18" s="79"/>
      <c r="M18" s="79"/>
      <c r="N18" s="79"/>
      <c r="O18" s="79"/>
      <c r="P18" s="79"/>
      <c r="Q18" s="79"/>
      <c r="R18" s="79"/>
      <c r="S18" s="79"/>
      <c r="T18" s="79"/>
      <c r="U18" s="79" t="s">
        <v>961</v>
      </c>
      <c r="V18" s="128"/>
      <c r="W18" s="79"/>
      <c r="X18" s="79"/>
      <c r="Y18" s="79"/>
      <c r="Z18" s="79"/>
      <c r="AA18" s="79"/>
      <c r="AB18" s="79"/>
      <c r="AC18" s="122"/>
      <c r="AD18" s="122"/>
      <c r="AE18" s="122"/>
      <c r="AF18" s="122"/>
      <c r="AG18" s="50" t="s">
        <v>996</v>
      </c>
    </row>
    <row r="19" spans="1:33" ht="35.25" customHeight="1" x14ac:dyDescent="0.2">
      <c r="A19" s="130" t="s">
        <v>918</v>
      </c>
      <c r="B19" s="64" t="s">
        <v>273</v>
      </c>
      <c r="C19" s="5" t="s">
        <v>919</v>
      </c>
      <c r="D19" s="53" t="s">
        <v>31</v>
      </c>
      <c r="E19" s="79"/>
      <c r="F19" s="79"/>
      <c r="G19" s="75"/>
      <c r="H19" s="75"/>
      <c r="I19" s="75"/>
      <c r="J19" s="75"/>
      <c r="K19" s="75"/>
      <c r="L19" s="75"/>
      <c r="M19" s="75"/>
      <c r="N19" s="75"/>
      <c r="O19" s="75"/>
      <c r="P19" s="75"/>
      <c r="Q19" s="75"/>
      <c r="R19" s="75"/>
      <c r="S19" s="75"/>
      <c r="T19" s="75"/>
      <c r="U19" s="79" t="s">
        <v>961</v>
      </c>
      <c r="V19" s="75"/>
      <c r="W19" s="75"/>
      <c r="X19" s="75"/>
      <c r="Y19" s="75"/>
      <c r="Z19" s="75"/>
      <c r="AA19" s="75"/>
      <c r="AB19" s="75"/>
      <c r="AC19" s="75"/>
      <c r="AD19" s="79"/>
      <c r="AE19" s="75"/>
      <c r="AF19" s="75"/>
      <c r="AG19" s="37" t="s">
        <v>988</v>
      </c>
    </row>
    <row r="20" spans="1:33" ht="35.25" customHeight="1" x14ac:dyDescent="0.2">
      <c r="A20" s="130" t="s">
        <v>966</v>
      </c>
      <c r="B20" s="64" t="s">
        <v>927</v>
      </c>
      <c r="C20" s="5" t="s">
        <v>921</v>
      </c>
      <c r="D20" s="53" t="s">
        <v>31</v>
      </c>
      <c r="E20" s="79"/>
      <c r="F20" s="75"/>
      <c r="G20" s="79"/>
      <c r="H20" s="79"/>
      <c r="I20" s="79"/>
      <c r="J20" s="79"/>
      <c r="K20" s="79"/>
      <c r="L20" s="79"/>
      <c r="M20" s="79"/>
      <c r="N20" s="79"/>
      <c r="O20" s="79"/>
      <c r="P20" s="79"/>
      <c r="Q20" s="79"/>
      <c r="R20" s="79"/>
      <c r="S20" s="79"/>
      <c r="T20" s="79"/>
      <c r="U20" s="122"/>
      <c r="V20" s="122"/>
      <c r="W20" s="123"/>
      <c r="X20" s="79"/>
      <c r="Y20" s="79"/>
      <c r="Z20" s="79"/>
      <c r="AA20" s="79"/>
      <c r="AB20" s="79"/>
      <c r="AC20" s="79"/>
      <c r="AD20" s="79"/>
      <c r="AE20" s="79"/>
      <c r="AF20" s="79"/>
      <c r="AG20" s="35"/>
    </row>
    <row r="21" spans="1:33" ht="35.25" customHeight="1" x14ac:dyDescent="0.2">
      <c r="A21" s="132" t="s">
        <v>966</v>
      </c>
      <c r="B21" s="57" t="s">
        <v>1024</v>
      </c>
      <c r="C21" s="5" t="s">
        <v>921</v>
      </c>
      <c r="D21" s="53" t="s">
        <v>31</v>
      </c>
      <c r="E21" s="75"/>
      <c r="F21" s="75"/>
      <c r="G21" s="75"/>
      <c r="H21" s="75"/>
      <c r="I21" s="75"/>
      <c r="J21" s="75"/>
      <c r="K21" s="75"/>
      <c r="L21" s="75"/>
      <c r="M21" s="75"/>
      <c r="N21" s="75"/>
      <c r="O21" s="75"/>
      <c r="P21" s="75"/>
      <c r="Q21" s="75"/>
      <c r="R21" s="75"/>
      <c r="S21" s="75"/>
      <c r="T21" s="75"/>
      <c r="U21" s="75"/>
      <c r="V21" s="75"/>
      <c r="W21" s="75"/>
      <c r="X21" s="75"/>
      <c r="Y21" s="75"/>
      <c r="Z21" s="75"/>
      <c r="AA21" s="75"/>
      <c r="AB21" s="75"/>
      <c r="AC21" s="75"/>
      <c r="AD21" s="75"/>
      <c r="AE21" s="75"/>
      <c r="AF21" s="75"/>
      <c r="AG21" s="34"/>
    </row>
    <row r="22" spans="1:33" ht="35.25" customHeight="1" x14ac:dyDescent="0.2">
      <c r="A22" s="130" t="s">
        <v>966</v>
      </c>
      <c r="B22" s="64" t="s">
        <v>929</v>
      </c>
      <c r="C22" s="6"/>
      <c r="D22" s="53" t="s">
        <v>31</v>
      </c>
      <c r="E22" s="126"/>
      <c r="F22" s="122"/>
      <c r="G22" s="79"/>
      <c r="H22" s="79"/>
      <c r="I22" s="79"/>
      <c r="J22" s="79"/>
      <c r="K22" s="122"/>
      <c r="L22" s="79"/>
      <c r="M22" s="79"/>
      <c r="N22" s="123"/>
      <c r="O22" s="79"/>
      <c r="P22" s="79"/>
      <c r="Q22" s="79"/>
      <c r="R22" s="79"/>
      <c r="S22" s="79"/>
      <c r="T22" s="79"/>
      <c r="U22" s="79"/>
      <c r="V22" s="122"/>
      <c r="W22" s="79"/>
      <c r="X22" s="122"/>
      <c r="Y22" s="79"/>
      <c r="Z22" s="79"/>
      <c r="AA22" s="79"/>
      <c r="AB22" s="79"/>
      <c r="AC22" s="79"/>
      <c r="AD22" s="122"/>
      <c r="AE22" s="79"/>
      <c r="AF22" s="79"/>
      <c r="AG22" s="43"/>
    </row>
    <row r="23" spans="1:33" ht="35.25" customHeight="1" x14ac:dyDescent="0.2">
      <c r="A23" s="129" t="s">
        <v>966</v>
      </c>
      <c r="B23" s="64" t="s">
        <v>930</v>
      </c>
      <c r="C23" s="8" t="s">
        <v>919</v>
      </c>
      <c r="D23" s="53" t="s">
        <v>31</v>
      </c>
      <c r="E23" s="75"/>
      <c r="F23" s="75"/>
      <c r="G23" s="75"/>
      <c r="H23" s="75"/>
      <c r="I23" s="75"/>
      <c r="J23" s="75"/>
      <c r="K23" s="75"/>
      <c r="L23" s="75"/>
      <c r="M23" s="75"/>
      <c r="N23" s="75"/>
      <c r="O23" s="75"/>
      <c r="P23" s="75"/>
      <c r="Q23" s="75"/>
      <c r="R23" s="75"/>
      <c r="S23" s="75"/>
      <c r="T23" s="75"/>
      <c r="U23" s="75"/>
      <c r="V23" s="75"/>
      <c r="W23" s="75"/>
      <c r="X23" s="75"/>
      <c r="Y23" s="75"/>
      <c r="Z23" s="75"/>
      <c r="AA23" s="75"/>
      <c r="AB23" s="75"/>
      <c r="AC23" s="75"/>
      <c r="AD23" s="75"/>
      <c r="AE23" s="75"/>
      <c r="AF23" s="75"/>
      <c r="AG23" s="34"/>
    </row>
    <row r="24" spans="1:33" ht="35.25" customHeight="1" x14ac:dyDescent="0.2">
      <c r="A24" s="129" t="s">
        <v>966</v>
      </c>
      <c r="B24" s="57" t="s">
        <v>1025</v>
      </c>
      <c r="C24" s="6" t="s">
        <v>919</v>
      </c>
      <c r="D24" s="53" t="s">
        <v>31</v>
      </c>
      <c r="E24" s="75"/>
      <c r="F24" s="75"/>
      <c r="G24" s="75"/>
      <c r="H24" s="75"/>
      <c r="I24" s="75"/>
      <c r="J24" s="75"/>
      <c r="K24" s="75"/>
      <c r="L24" s="75"/>
      <c r="M24" s="75"/>
      <c r="N24" s="75"/>
      <c r="O24" s="75"/>
      <c r="P24" s="75"/>
      <c r="Q24" s="75"/>
      <c r="R24" s="75"/>
      <c r="S24" s="75"/>
      <c r="T24" s="75"/>
      <c r="U24" s="75"/>
      <c r="V24" s="75"/>
      <c r="W24" s="75"/>
      <c r="X24" s="75"/>
      <c r="Y24" s="75"/>
      <c r="Z24" s="75"/>
      <c r="AA24" s="75"/>
      <c r="AB24" s="75"/>
      <c r="AC24" s="75"/>
      <c r="AD24" s="75"/>
      <c r="AE24" s="75"/>
      <c r="AF24" s="75"/>
      <c r="AG24" s="34"/>
    </row>
    <row r="25" spans="1:33" ht="35.25" customHeight="1" x14ac:dyDescent="0.2">
      <c r="A25" s="130" t="s">
        <v>966</v>
      </c>
      <c r="B25" s="64" t="s">
        <v>941</v>
      </c>
      <c r="C25" s="6" t="s">
        <v>919</v>
      </c>
      <c r="D25" s="53" t="s">
        <v>31</v>
      </c>
      <c r="E25" s="121"/>
      <c r="F25" s="79" t="s">
        <v>961</v>
      </c>
      <c r="G25" s="75"/>
      <c r="H25" s="75"/>
      <c r="I25" s="75"/>
      <c r="J25" s="75"/>
      <c r="K25" s="75"/>
      <c r="L25" s="75"/>
      <c r="M25" s="79" t="s">
        <v>961</v>
      </c>
      <c r="N25" s="75"/>
      <c r="O25" s="75"/>
      <c r="P25" s="75"/>
      <c r="Q25" s="75"/>
      <c r="R25" s="75"/>
      <c r="S25" s="75"/>
      <c r="T25" s="75"/>
      <c r="U25" s="75"/>
      <c r="V25" s="75"/>
      <c r="W25" s="75"/>
      <c r="X25" s="75"/>
      <c r="Y25" s="75"/>
      <c r="Z25" s="75"/>
      <c r="AA25" s="75"/>
      <c r="AB25" s="75"/>
      <c r="AC25" s="75"/>
      <c r="AD25" s="75"/>
      <c r="AE25" s="75"/>
      <c r="AF25" s="75"/>
      <c r="AG25" s="35" t="s">
        <v>976</v>
      </c>
    </row>
    <row r="26" spans="1:33" ht="35.25" customHeight="1" x14ac:dyDescent="0.2">
      <c r="A26" s="130" t="s">
        <v>915</v>
      </c>
      <c r="B26" s="64" t="s">
        <v>952</v>
      </c>
      <c r="C26" s="6" t="s">
        <v>919</v>
      </c>
      <c r="D26" s="53" t="s">
        <v>33</v>
      </c>
      <c r="E26" s="75"/>
      <c r="F26" s="122"/>
      <c r="G26" s="79" t="s">
        <v>961</v>
      </c>
      <c r="H26" s="75"/>
      <c r="I26" s="75"/>
      <c r="J26" s="75"/>
      <c r="K26" s="75"/>
      <c r="L26" s="75"/>
      <c r="M26" s="75"/>
      <c r="N26" s="75"/>
      <c r="O26" s="75"/>
      <c r="P26" s="75"/>
      <c r="Q26" s="75"/>
      <c r="R26" s="75"/>
      <c r="S26" s="75"/>
      <c r="T26" s="75"/>
      <c r="U26" s="79" t="s">
        <v>961</v>
      </c>
      <c r="V26" s="75"/>
      <c r="W26" s="75"/>
      <c r="X26" s="79"/>
      <c r="Y26" s="75"/>
      <c r="Z26" s="75"/>
      <c r="AA26" s="75"/>
      <c r="AB26" s="75"/>
      <c r="AC26" s="75"/>
      <c r="AD26" s="75"/>
      <c r="AE26" s="75"/>
      <c r="AF26" s="75"/>
      <c r="AG26" s="48" t="s">
        <v>1029</v>
      </c>
    </row>
    <row r="27" spans="1:33" ht="35.25" customHeight="1" x14ac:dyDescent="0.2">
      <c r="A27" s="132" t="s">
        <v>964</v>
      </c>
      <c r="B27" s="64" t="s">
        <v>178</v>
      </c>
      <c r="C27" s="6" t="s">
        <v>1004</v>
      </c>
      <c r="D27" s="53" t="s">
        <v>31</v>
      </c>
      <c r="E27" s="121"/>
      <c r="F27" s="75"/>
      <c r="G27" s="75"/>
      <c r="H27" s="75"/>
      <c r="I27" s="75"/>
      <c r="J27" s="75"/>
      <c r="K27" s="75"/>
      <c r="L27" s="75"/>
      <c r="M27" s="75"/>
      <c r="N27" s="75"/>
      <c r="O27" s="75"/>
      <c r="P27" s="75"/>
      <c r="Q27" s="75"/>
      <c r="R27" s="75"/>
      <c r="S27" s="75"/>
      <c r="T27" s="75"/>
      <c r="U27" s="75"/>
      <c r="V27" s="79" t="s">
        <v>961</v>
      </c>
      <c r="W27" s="75"/>
      <c r="X27" s="75"/>
      <c r="Y27" s="75"/>
      <c r="Z27" s="75"/>
      <c r="AA27" s="75"/>
      <c r="AB27" s="75"/>
      <c r="AC27" s="75"/>
      <c r="AD27" s="75"/>
      <c r="AE27" s="75"/>
      <c r="AF27" s="75"/>
      <c r="AG27" s="48" t="s">
        <v>965</v>
      </c>
    </row>
    <row r="28" spans="1:33" ht="35.25" customHeight="1" x14ac:dyDescent="0.2">
      <c r="A28" s="130" t="s">
        <v>964</v>
      </c>
      <c r="B28" s="64" t="s">
        <v>936</v>
      </c>
      <c r="C28" s="6" t="s">
        <v>1005</v>
      </c>
      <c r="D28" s="53" t="s">
        <v>71</v>
      </c>
      <c r="E28" s="121"/>
      <c r="F28" s="75"/>
      <c r="G28" s="75"/>
      <c r="H28" s="75"/>
      <c r="I28" s="75"/>
      <c r="J28" s="75"/>
      <c r="K28" s="75"/>
      <c r="L28" s="75"/>
      <c r="M28" s="75"/>
      <c r="N28" s="75"/>
      <c r="O28" s="75"/>
      <c r="P28" s="75"/>
      <c r="Q28" s="75"/>
      <c r="R28" s="75"/>
      <c r="S28" s="75"/>
      <c r="T28" s="75"/>
      <c r="U28" s="123"/>
      <c r="V28" s="79" t="s">
        <v>961</v>
      </c>
      <c r="W28" s="75"/>
      <c r="X28" s="79" t="s">
        <v>961</v>
      </c>
      <c r="Y28" s="75"/>
      <c r="Z28" s="75"/>
      <c r="AA28" s="75"/>
      <c r="AB28" s="75"/>
      <c r="AC28" s="75"/>
      <c r="AD28" s="75"/>
      <c r="AE28" s="75"/>
      <c r="AF28" s="75"/>
      <c r="AG28" s="35" t="s">
        <v>974</v>
      </c>
    </row>
    <row r="29" spans="1:33" ht="35.25" customHeight="1" x14ac:dyDescent="0.2">
      <c r="A29" s="130" t="s">
        <v>964</v>
      </c>
      <c r="B29" s="64" t="s">
        <v>937</v>
      </c>
      <c r="C29" s="6" t="s">
        <v>1006</v>
      </c>
      <c r="D29" s="53" t="s">
        <v>33</v>
      </c>
      <c r="E29" s="121"/>
      <c r="F29" s="75"/>
      <c r="G29" s="75"/>
      <c r="H29" s="75"/>
      <c r="I29" s="75"/>
      <c r="J29" s="75"/>
      <c r="K29" s="75"/>
      <c r="L29" s="75"/>
      <c r="M29" s="75"/>
      <c r="N29" s="75"/>
      <c r="O29" s="75"/>
      <c r="P29" s="75"/>
      <c r="Q29" s="75"/>
      <c r="R29" s="75"/>
      <c r="S29" s="75"/>
      <c r="T29" s="75"/>
      <c r="U29" s="75"/>
      <c r="V29" s="79" t="s">
        <v>961</v>
      </c>
      <c r="W29" s="75"/>
      <c r="X29" s="75"/>
      <c r="Y29" s="75"/>
      <c r="Z29" s="75"/>
      <c r="AA29" s="75"/>
      <c r="AB29" s="75"/>
      <c r="AC29" s="75"/>
      <c r="AD29" s="75"/>
      <c r="AE29" s="75"/>
      <c r="AF29" s="75"/>
      <c r="AG29" s="34" t="s">
        <v>965</v>
      </c>
    </row>
    <row r="30" spans="1:33" ht="35.25" customHeight="1" x14ac:dyDescent="0.2">
      <c r="A30" s="129" t="s">
        <v>964</v>
      </c>
      <c r="B30" s="57" t="s">
        <v>1019</v>
      </c>
      <c r="C30" s="6" t="s">
        <v>1007</v>
      </c>
      <c r="D30" s="53" t="s">
        <v>31</v>
      </c>
      <c r="E30" s="121"/>
      <c r="F30" s="75"/>
      <c r="G30" s="75"/>
      <c r="H30" s="75"/>
      <c r="I30" s="75"/>
      <c r="J30" s="75"/>
      <c r="K30" s="75"/>
      <c r="L30" s="75"/>
      <c r="M30" s="75"/>
      <c r="N30" s="75"/>
      <c r="O30" s="75"/>
      <c r="P30" s="75"/>
      <c r="Q30" s="75"/>
      <c r="R30" s="75"/>
      <c r="S30" s="75"/>
      <c r="T30" s="75"/>
      <c r="U30" s="75"/>
      <c r="V30" s="75"/>
      <c r="W30" s="75"/>
      <c r="X30" s="79" t="s">
        <v>961</v>
      </c>
      <c r="Y30" s="75"/>
      <c r="Z30" s="75"/>
      <c r="AA30" s="75"/>
      <c r="AB30" s="75"/>
      <c r="AC30" s="75"/>
      <c r="AD30" s="75"/>
      <c r="AE30" s="75"/>
      <c r="AF30" s="75"/>
      <c r="AG30" s="37" t="s">
        <v>970</v>
      </c>
    </row>
    <row r="31" spans="1:33" ht="35.25" customHeight="1" x14ac:dyDescent="0.2">
      <c r="A31" s="131" t="s">
        <v>986</v>
      </c>
      <c r="B31" s="64" t="s">
        <v>953</v>
      </c>
      <c r="C31" s="6" t="s">
        <v>911</v>
      </c>
      <c r="D31" s="53" t="s">
        <v>31</v>
      </c>
      <c r="E31" s="120"/>
      <c r="F31" s="75"/>
      <c r="G31" s="75"/>
      <c r="H31" s="123"/>
      <c r="I31" s="79"/>
      <c r="J31" s="79"/>
      <c r="K31" s="79"/>
      <c r="L31" s="79"/>
      <c r="M31" s="79"/>
      <c r="N31" s="79"/>
      <c r="O31" s="79"/>
      <c r="P31" s="79"/>
      <c r="Q31" s="122"/>
      <c r="R31" s="79"/>
      <c r="S31" s="79"/>
      <c r="T31" s="79"/>
      <c r="U31" s="79"/>
      <c r="V31" s="79" t="s">
        <v>961</v>
      </c>
      <c r="W31" s="79"/>
      <c r="X31" s="79" t="s">
        <v>961</v>
      </c>
      <c r="Y31" s="79"/>
      <c r="Z31" s="79"/>
      <c r="AA31" s="79"/>
      <c r="AB31" s="79"/>
      <c r="AC31" s="122"/>
      <c r="AD31" s="122"/>
      <c r="AE31" s="79"/>
      <c r="AF31" s="79"/>
      <c r="AG31" s="48" t="s">
        <v>1030</v>
      </c>
    </row>
    <row r="32" spans="1:33" ht="81" customHeight="1" x14ac:dyDescent="0.2">
      <c r="A32" s="129" t="s">
        <v>987</v>
      </c>
      <c r="B32" s="57" t="s">
        <v>1020</v>
      </c>
      <c r="C32" s="6" t="s">
        <v>919</v>
      </c>
      <c r="D32" s="53" t="s">
        <v>31</v>
      </c>
      <c r="E32" s="75"/>
      <c r="F32" s="75"/>
      <c r="G32" s="75"/>
      <c r="H32" s="75"/>
      <c r="I32" s="75"/>
      <c r="J32" s="75"/>
      <c r="K32" s="75"/>
      <c r="L32" s="75"/>
      <c r="M32" s="75"/>
      <c r="N32" s="75"/>
      <c r="O32" s="75"/>
      <c r="P32" s="75"/>
      <c r="Q32" s="75"/>
      <c r="R32" s="75"/>
      <c r="S32" s="75"/>
      <c r="T32" s="75"/>
      <c r="U32" s="79" t="s">
        <v>961</v>
      </c>
      <c r="V32" s="79" t="s">
        <v>961</v>
      </c>
      <c r="W32" s="79"/>
      <c r="X32" s="79" t="s">
        <v>961</v>
      </c>
      <c r="Y32" s="75"/>
      <c r="Z32" s="75"/>
      <c r="AA32" s="75"/>
      <c r="AB32" s="75"/>
      <c r="AC32" s="75"/>
      <c r="AD32" s="75"/>
      <c r="AE32" s="75"/>
      <c r="AF32" s="75"/>
      <c r="AG32" s="49" t="s">
        <v>1031</v>
      </c>
    </row>
    <row r="33" spans="1:33" ht="35.25" customHeight="1" x14ac:dyDescent="0.2">
      <c r="A33" s="129" t="s">
        <v>987</v>
      </c>
      <c r="B33" s="57" t="s">
        <v>1021</v>
      </c>
      <c r="C33" s="6" t="s">
        <v>1040</v>
      </c>
      <c r="D33" s="53" t="s">
        <v>31</v>
      </c>
      <c r="E33" s="75"/>
      <c r="F33" s="75"/>
      <c r="G33" s="75"/>
      <c r="H33" s="75"/>
      <c r="I33" s="75"/>
      <c r="J33" s="75"/>
      <c r="K33" s="75"/>
      <c r="L33" s="75"/>
      <c r="M33" s="75"/>
      <c r="N33" s="75"/>
      <c r="O33" s="75"/>
      <c r="P33" s="75"/>
      <c r="Q33" s="75"/>
      <c r="R33" s="75"/>
      <c r="S33" s="75"/>
      <c r="T33" s="75"/>
      <c r="U33" s="75"/>
      <c r="V33" s="75"/>
      <c r="W33" s="75"/>
      <c r="X33" s="79" t="s">
        <v>961</v>
      </c>
      <c r="Y33" s="75"/>
      <c r="Z33" s="75"/>
      <c r="AA33" s="75"/>
      <c r="AB33" s="75"/>
      <c r="AC33" s="75"/>
      <c r="AD33" s="75"/>
      <c r="AE33" s="75"/>
      <c r="AF33" s="75"/>
      <c r="AG33" s="35" t="s">
        <v>989</v>
      </c>
    </row>
    <row r="34" spans="1:33" ht="35.25" customHeight="1" x14ac:dyDescent="0.2">
      <c r="A34" s="130" t="s">
        <v>987</v>
      </c>
      <c r="B34" s="64" t="s">
        <v>956</v>
      </c>
      <c r="C34" s="6" t="s">
        <v>1008</v>
      </c>
      <c r="D34" s="53" t="s">
        <v>31</v>
      </c>
      <c r="E34" s="120"/>
      <c r="F34" s="122"/>
      <c r="G34" s="79"/>
      <c r="H34" s="79"/>
      <c r="I34" s="79"/>
      <c r="J34" s="79"/>
      <c r="K34" s="79"/>
      <c r="L34" s="79"/>
      <c r="M34" s="79"/>
      <c r="N34" s="79"/>
      <c r="O34" s="79"/>
      <c r="P34" s="79"/>
      <c r="Q34" s="79"/>
      <c r="R34" s="79"/>
      <c r="S34" s="79"/>
      <c r="T34" s="79"/>
      <c r="U34" s="79"/>
      <c r="V34" s="79"/>
      <c r="W34" s="79"/>
      <c r="X34" s="79" t="s">
        <v>961</v>
      </c>
      <c r="Y34" s="79"/>
      <c r="Z34" s="79"/>
      <c r="AA34" s="79"/>
      <c r="AB34" s="79"/>
      <c r="AC34" s="79"/>
      <c r="AD34" s="79"/>
      <c r="AE34" s="79"/>
      <c r="AF34" s="79"/>
      <c r="AG34" s="38" t="s">
        <v>990</v>
      </c>
    </row>
    <row r="35" spans="1:33" ht="35.25" customHeight="1" x14ac:dyDescent="0.2">
      <c r="A35" s="130" t="s">
        <v>971</v>
      </c>
      <c r="B35" s="64" t="s">
        <v>938</v>
      </c>
      <c r="C35" s="6" t="s">
        <v>999</v>
      </c>
      <c r="D35" s="53" t="s">
        <v>71</v>
      </c>
      <c r="E35" s="122"/>
      <c r="F35" s="79" t="s">
        <v>961</v>
      </c>
      <c r="G35" s="79"/>
      <c r="H35" s="79"/>
      <c r="I35" s="79"/>
      <c r="J35" s="79"/>
      <c r="K35" s="79"/>
      <c r="L35" s="79"/>
      <c r="M35" s="79"/>
      <c r="N35" s="79"/>
      <c r="O35" s="79"/>
      <c r="P35" s="79"/>
      <c r="Q35" s="79"/>
      <c r="R35" s="79"/>
      <c r="S35" s="79"/>
      <c r="T35" s="79"/>
      <c r="U35" s="122"/>
      <c r="V35" s="79"/>
      <c r="W35" s="79"/>
      <c r="X35" s="79"/>
      <c r="Y35" s="79"/>
      <c r="Z35" s="123"/>
      <c r="AA35" s="79"/>
      <c r="AB35" s="122"/>
      <c r="AC35" s="79"/>
      <c r="AD35" s="79"/>
      <c r="AE35" s="79"/>
      <c r="AF35" s="79"/>
      <c r="AG35" s="35" t="s">
        <v>924</v>
      </c>
    </row>
    <row r="36" spans="1:33" ht="35.25" customHeight="1" x14ac:dyDescent="0.2">
      <c r="A36" s="130" t="s">
        <v>991</v>
      </c>
      <c r="B36" s="64" t="s">
        <v>1032</v>
      </c>
      <c r="C36" s="5" t="s">
        <v>923</v>
      </c>
      <c r="D36" s="53" t="s">
        <v>71</v>
      </c>
      <c r="E36" s="79"/>
      <c r="F36" s="79" t="s">
        <v>961</v>
      </c>
      <c r="G36" s="79"/>
      <c r="H36" s="79"/>
      <c r="I36" s="79"/>
      <c r="J36" s="79"/>
      <c r="K36" s="79"/>
      <c r="L36" s="79"/>
      <c r="M36" s="79"/>
      <c r="N36" s="79"/>
      <c r="O36" s="79"/>
      <c r="P36" s="79"/>
      <c r="Q36" s="79"/>
      <c r="R36" s="79"/>
      <c r="S36" s="79"/>
      <c r="T36" s="79"/>
      <c r="U36" s="79"/>
      <c r="V36" s="123"/>
      <c r="W36" s="79"/>
      <c r="X36" s="79"/>
      <c r="Y36" s="79"/>
      <c r="Z36" s="79"/>
      <c r="AA36" s="79"/>
      <c r="AB36" s="79"/>
      <c r="AC36" s="79"/>
      <c r="AD36" s="79"/>
      <c r="AE36" s="79"/>
      <c r="AF36" s="79"/>
      <c r="AG36" s="48" t="s">
        <v>1033</v>
      </c>
    </row>
    <row r="37" spans="1:33" ht="35.25" customHeight="1" x14ac:dyDescent="0.2">
      <c r="A37" s="130" t="s">
        <v>992</v>
      </c>
      <c r="B37" s="64" t="s">
        <v>998</v>
      </c>
      <c r="C37" s="6" t="s">
        <v>1009</v>
      </c>
      <c r="D37" s="53" t="s">
        <v>33</v>
      </c>
      <c r="E37" s="75"/>
      <c r="F37" s="79" t="s">
        <v>961</v>
      </c>
      <c r="G37" s="75"/>
      <c r="H37" s="79"/>
      <c r="I37" s="79"/>
      <c r="J37" s="79"/>
      <c r="K37" s="79"/>
      <c r="L37" s="79"/>
      <c r="M37" s="123"/>
      <c r="N37" s="79"/>
      <c r="O37" s="79"/>
      <c r="P37" s="79"/>
      <c r="Q37" s="79"/>
      <c r="R37" s="79"/>
      <c r="S37" s="79"/>
      <c r="T37" s="79"/>
      <c r="U37" s="79"/>
      <c r="V37" s="79"/>
      <c r="W37" s="79"/>
      <c r="X37" s="79"/>
      <c r="Y37" s="79"/>
      <c r="Z37" s="79"/>
      <c r="AA37" s="79"/>
      <c r="AB37" s="79"/>
      <c r="AC37" s="79"/>
      <c r="AD37" s="79"/>
      <c r="AE37" s="79"/>
      <c r="AF37" s="79"/>
      <c r="AG37" s="48" t="s">
        <v>993</v>
      </c>
    </row>
    <row r="38" spans="1:33" ht="35.25" customHeight="1" x14ac:dyDescent="0.2">
      <c r="A38" s="132" t="s">
        <v>908</v>
      </c>
      <c r="B38" s="64" t="s">
        <v>126</v>
      </c>
      <c r="C38" s="135"/>
      <c r="D38" s="53" t="s">
        <v>31</v>
      </c>
      <c r="E38" s="75"/>
      <c r="F38" s="79" t="s">
        <v>961</v>
      </c>
      <c r="G38" s="75"/>
      <c r="H38" s="75"/>
      <c r="I38" s="75"/>
      <c r="J38" s="75"/>
      <c r="K38" s="75"/>
      <c r="L38" s="75"/>
      <c r="M38" s="75"/>
      <c r="N38" s="75"/>
      <c r="O38" s="75"/>
      <c r="P38" s="75"/>
      <c r="Q38" s="75"/>
      <c r="R38" s="75"/>
      <c r="S38" s="75"/>
      <c r="T38" s="75"/>
      <c r="U38" s="75"/>
      <c r="V38" s="75"/>
      <c r="W38" s="75"/>
      <c r="X38" s="75"/>
      <c r="Y38" s="75"/>
      <c r="Z38" s="75"/>
      <c r="AA38" s="75"/>
      <c r="AB38" s="75"/>
      <c r="AC38" s="75"/>
      <c r="AD38" s="75"/>
      <c r="AE38" s="75"/>
      <c r="AF38" s="75"/>
      <c r="AG38" s="35" t="s">
        <v>994</v>
      </c>
    </row>
    <row r="39" spans="1:33" ht="35.25" customHeight="1" x14ac:dyDescent="0.2">
      <c r="A39" s="130" t="s">
        <v>980</v>
      </c>
      <c r="B39" s="64" t="s">
        <v>946</v>
      </c>
      <c r="C39" s="6" t="s">
        <v>1010</v>
      </c>
      <c r="D39" s="53" t="s">
        <v>31</v>
      </c>
      <c r="E39" s="126"/>
      <c r="F39" s="122"/>
      <c r="G39" s="79"/>
      <c r="H39" s="79"/>
      <c r="I39" s="79"/>
      <c r="J39" s="79"/>
      <c r="K39" s="122"/>
      <c r="L39" s="79"/>
      <c r="M39" s="79"/>
      <c r="N39" s="123"/>
      <c r="O39" s="79"/>
      <c r="P39" s="79"/>
      <c r="Q39" s="79"/>
      <c r="R39" s="79"/>
      <c r="S39" s="79"/>
      <c r="T39" s="79"/>
      <c r="U39" s="79"/>
      <c r="V39" s="122"/>
      <c r="W39" s="79"/>
      <c r="X39" s="122"/>
      <c r="Y39" s="79"/>
      <c r="Z39" s="79"/>
      <c r="AA39" s="79"/>
      <c r="AB39" s="122"/>
      <c r="AC39" s="79"/>
      <c r="AD39" s="79"/>
      <c r="AE39" s="79"/>
      <c r="AF39" s="79" t="s">
        <v>961</v>
      </c>
      <c r="AG39" s="43" t="s">
        <v>979</v>
      </c>
    </row>
    <row r="40" spans="1:33" ht="35.25" customHeight="1" x14ac:dyDescent="0.2">
      <c r="A40" s="129" t="s">
        <v>920</v>
      </c>
      <c r="B40" s="64" t="s">
        <v>957</v>
      </c>
      <c r="C40" s="6"/>
      <c r="D40" s="53" t="s">
        <v>31</v>
      </c>
      <c r="E40" s="79"/>
      <c r="F40" s="75"/>
      <c r="G40" s="79"/>
      <c r="H40" s="75"/>
      <c r="I40" s="75"/>
      <c r="J40" s="75"/>
      <c r="K40" s="75"/>
      <c r="L40" s="75"/>
      <c r="M40" s="75"/>
      <c r="N40" s="75"/>
      <c r="O40" s="75"/>
      <c r="P40" s="75"/>
      <c r="Q40" s="75"/>
      <c r="R40" s="75"/>
      <c r="S40" s="75"/>
      <c r="T40" s="75"/>
      <c r="U40" s="79"/>
      <c r="V40" s="75"/>
      <c r="W40" s="75"/>
      <c r="X40" s="75"/>
      <c r="Y40" s="75"/>
      <c r="Z40" s="75"/>
      <c r="AA40" s="75"/>
      <c r="AB40" s="75"/>
      <c r="AC40" s="75"/>
      <c r="AD40" s="75"/>
      <c r="AE40" s="75"/>
      <c r="AF40" s="75" t="s">
        <v>698</v>
      </c>
      <c r="AG40" s="37" t="s">
        <v>926</v>
      </c>
    </row>
    <row r="41" spans="1:33" ht="159" customHeight="1" x14ac:dyDescent="0.2">
      <c r="A41" s="133" t="s">
        <v>968</v>
      </c>
      <c r="B41" s="57" t="s">
        <v>997</v>
      </c>
      <c r="C41" s="6" t="s">
        <v>1011</v>
      </c>
      <c r="D41" s="53" t="s">
        <v>71</v>
      </c>
      <c r="E41" s="79" t="s">
        <v>961</v>
      </c>
      <c r="F41" s="79" t="s">
        <v>961</v>
      </c>
      <c r="G41" s="79" t="s">
        <v>961</v>
      </c>
      <c r="H41" s="75"/>
      <c r="I41" s="75"/>
      <c r="J41" s="75"/>
      <c r="K41" s="75"/>
      <c r="L41" s="75"/>
      <c r="M41" s="75"/>
      <c r="N41" s="75"/>
      <c r="O41" s="75"/>
      <c r="P41" s="75"/>
      <c r="Q41" s="75"/>
      <c r="R41" s="75"/>
      <c r="S41" s="75"/>
      <c r="T41" s="75"/>
      <c r="U41" s="79" t="s">
        <v>961</v>
      </c>
      <c r="V41" s="75"/>
      <c r="W41" s="75"/>
      <c r="X41" s="75"/>
      <c r="Y41" s="75"/>
      <c r="Z41" s="75"/>
      <c r="AA41" s="75"/>
      <c r="AB41" s="75"/>
      <c r="AC41" s="75"/>
      <c r="AD41" s="75"/>
      <c r="AE41" s="75"/>
      <c r="AF41" s="75"/>
      <c r="AG41" s="35" t="s">
        <v>1034</v>
      </c>
    </row>
    <row r="42" spans="1:33" ht="35.25" customHeight="1" x14ac:dyDescent="0.2">
      <c r="A42" s="130" t="s">
        <v>968</v>
      </c>
      <c r="B42" s="64" t="s">
        <v>931</v>
      </c>
      <c r="C42" s="6" t="s">
        <v>912</v>
      </c>
      <c r="D42" s="53" t="s">
        <v>71</v>
      </c>
      <c r="E42" s="79"/>
      <c r="F42" s="79"/>
      <c r="G42" s="79"/>
      <c r="H42" s="75"/>
      <c r="I42" s="75"/>
      <c r="J42" s="75"/>
      <c r="K42" s="75"/>
      <c r="L42" s="75"/>
      <c r="M42" s="75"/>
      <c r="N42" s="75"/>
      <c r="O42" s="75"/>
      <c r="P42" s="75"/>
      <c r="Q42" s="75"/>
      <c r="R42" s="75"/>
      <c r="S42" s="75"/>
      <c r="T42" s="75"/>
      <c r="U42" s="79" t="s">
        <v>961</v>
      </c>
      <c r="V42" s="75"/>
      <c r="W42" s="75"/>
      <c r="X42" s="75"/>
      <c r="Y42" s="75"/>
      <c r="Z42" s="75"/>
      <c r="AA42" s="75"/>
      <c r="AB42" s="75"/>
      <c r="AC42" s="79"/>
      <c r="AD42" s="75"/>
      <c r="AE42" s="75"/>
      <c r="AF42" s="75"/>
      <c r="AG42" s="35" t="s">
        <v>969</v>
      </c>
    </row>
    <row r="43" spans="1:33" ht="35.25" customHeight="1" x14ac:dyDescent="0.2">
      <c r="A43" s="130" t="s">
        <v>968</v>
      </c>
      <c r="B43" s="64" t="s">
        <v>932</v>
      </c>
      <c r="C43" s="6" t="s">
        <v>914</v>
      </c>
      <c r="D43" s="53" t="s">
        <v>71</v>
      </c>
      <c r="E43" s="122"/>
      <c r="F43" s="122"/>
      <c r="G43" s="122"/>
      <c r="H43" s="79"/>
      <c r="I43" s="79"/>
      <c r="J43" s="79"/>
      <c r="K43" s="122"/>
      <c r="L43" s="79"/>
      <c r="M43" s="79"/>
      <c r="N43" s="123"/>
      <c r="O43" s="79"/>
      <c r="P43" s="79"/>
      <c r="Q43" s="79"/>
      <c r="R43" s="79"/>
      <c r="S43" s="79"/>
      <c r="T43" s="79"/>
      <c r="U43" s="122"/>
      <c r="V43" s="122"/>
      <c r="W43" s="79"/>
      <c r="X43" s="122"/>
      <c r="Y43" s="79"/>
      <c r="Z43" s="79"/>
      <c r="AA43" s="79"/>
      <c r="AB43" s="122"/>
      <c r="AC43" s="79"/>
      <c r="AD43" s="79"/>
      <c r="AE43" s="79"/>
      <c r="AF43" s="79"/>
      <c r="AG43" s="43"/>
    </row>
    <row r="44" spans="1:33" ht="35.25" customHeight="1" x14ac:dyDescent="0.2">
      <c r="A44" s="130" t="s">
        <v>968</v>
      </c>
      <c r="B44" s="64" t="s">
        <v>933</v>
      </c>
      <c r="C44" s="6" t="s">
        <v>914</v>
      </c>
      <c r="D44" s="53" t="s">
        <v>71</v>
      </c>
      <c r="E44" s="75"/>
      <c r="F44" s="75"/>
      <c r="G44" s="75"/>
      <c r="H44" s="75"/>
      <c r="I44" s="75"/>
      <c r="J44" s="75"/>
      <c r="K44" s="75"/>
      <c r="L44" s="75"/>
      <c r="M44" s="75"/>
      <c r="N44" s="75"/>
      <c r="O44" s="75"/>
      <c r="P44" s="75"/>
      <c r="Q44" s="75"/>
      <c r="R44" s="75"/>
      <c r="S44" s="75"/>
      <c r="T44" s="75"/>
      <c r="U44" s="79" t="s">
        <v>961</v>
      </c>
      <c r="V44" s="75"/>
      <c r="W44" s="75"/>
      <c r="X44" s="75"/>
      <c r="Y44" s="75"/>
      <c r="Z44" s="75"/>
      <c r="AA44" s="75"/>
      <c r="AB44" s="75"/>
      <c r="AC44" s="75"/>
      <c r="AD44" s="75"/>
      <c r="AE44" s="75"/>
      <c r="AF44" s="75"/>
      <c r="AG44" s="35" t="s">
        <v>1035</v>
      </c>
    </row>
    <row r="45" spans="1:33" ht="75.599999999999994" customHeight="1" x14ac:dyDescent="0.2">
      <c r="A45" s="130" t="s">
        <v>968</v>
      </c>
      <c r="B45" s="64" t="s">
        <v>934</v>
      </c>
      <c r="C45" s="6" t="s">
        <v>914</v>
      </c>
      <c r="D45" s="53" t="s">
        <v>71</v>
      </c>
      <c r="E45" s="120"/>
      <c r="F45" s="79" t="s">
        <v>961</v>
      </c>
      <c r="G45" s="79"/>
      <c r="H45" s="123"/>
      <c r="I45" s="79"/>
      <c r="J45" s="79"/>
      <c r="K45" s="79"/>
      <c r="L45" s="79"/>
      <c r="M45" s="79"/>
      <c r="N45" s="79"/>
      <c r="O45" s="79"/>
      <c r="P45" s="79"/>
      <c r="Q45" s="79"/>
      <c r="R45" s="79"/>
      <c r="S45" s="79"/>
      <c r="T45" s="79"/>
      <c r="U45" s="79" t="s">
        <v>961</v>
      </c>
      <c r="V45" s="79"/>
      <c r="W45" s="79"/>
      <c r="X45" s="79"/>
      <c r="Y45" s="79"/>
      <c r="Z45" s="79"/>
      <c r="AA45" s="79"/>
      <c r="AB45" s="122"/>
      <c r="AC45" s="79"/>
      <c r="AD45" s="79" t="s">
        <v>698</v>
      </c>
      <c r="AE45" s="79"/>
      <c r="AF45" s="79"/>
      <c r="AG45" s="35" t="s">
        <v>1036</v>
      </c>
    </row>
    <row r="46" spans="1:33" ht="35.25" customHeight="1" x14ac:dyDescent="0.2">
      <c r="A46" s="130" t="s">
        <v>968</v>
      </c>
      <c r="B46" s="64" t="s">
        <v>935</v>
      </c>
      <c r="C46" s="6" t="s">
        <v>914</v>
      </c>
      <c r="D46" s="53" t="s">
        <v>71</v>
      </c>
      <c r="E46" s="75"/>
      <c r="F46" s="75"/>
      <c r="G46" s="75"/>
      <c r="H46" s="79"/>
      <c r="I46" s="79"/>
      <c r="J46" s="75"/>
      <c r="K46" s="75"/>
      <c r="L46" s="75"/>
      <c r="M46" s="75"/>
      <c r="N46" s="75"/>
      <c r="O46" s="75"/>
      <c r="P46" s="75"/>
      <c r="Q46" s="75"/>
      <c r="R46" s="75"/>
      <c r="S46" s="75"/>
      <c r="T46" s="75"/>
      <c r="U46" s="75"/>
      <c r="V46" s="75"/>
      <c r="W46" s="75"/>
      <c r="X46" s="75"/>
      <c r="Y46" s="75"/>
      <c r="Z46" s="75"/>
      <c r="AA46" s="75"/>
      <c r="AB46" s="75"/>
      <c r="AC46" s="75"/>
      <c r="AD46" s="75"/>
      <c r="AE46" s="75"/>
      <c r="AF46" s="75"/>
      <c r="AG46" s="38"/>
    </row>
    <row r="47" spans="1:33" ht="40.799999999999997" customHeight="1" x14ac:dyDescent="0.2">
      <c r="A47" s="130" t="s">
        <v>968</v>
      </c>
      <c r="B47" s="57" t="s">
        <v>1018</v>
      </c>
      <c r="C47" s="6" t="s">
        <v>962</v>
      </c>
      <c r="D47" s="53" t="s">
        <v>71</v>
      </c>
      <c r="E47" s="75"/>
      <c r="F47" s="79" t="s">
        <v>961</v>
      </c>
      <c r="G47" s="75"/>
      <c r="H47" s="75"/>
      <c r="I47" s="75"/>
      <c r="J47" s="75"/>
      <c r="K47" s="75"/>
      <c r="L47" s="75"/>
      <c r="M47" s="75"/>
      <c r="N47" s="75"/>
      <c r="O47" s="75"/>
      <c r="P47" s="75"/>
      <c r="Q47" s="75"/>
      <c r="R47" s="75"/>
      <c r="S47" s="75"/>
      <c r="T47" s="75"/>
      <c r="U47" s="79" t="s">
        <v>961</v>
      </c>
      <c r="V47" s="75"/>
      <c r="W47" s="75"/>
      <c r="X47" s="75"/>
      <c r="Y47" s="75"/>
      <c r="Z47" s="75"/>
      <c r="AA47" s="75"/>
      <c r="AB47" s="75"/>
      <c r="AC47" s="75"/>
      <c r="AD47" s="79"/>
      <c r="AE47" s="75"/>
      <c r="AF47" s="75"/>
      <c r="AG47" s="43" t="s">
        <v>1037</v>
      </c>
    </row>
    <row r="48" spans="1:33" ht="35.25" customHeight="1" x14ac:dyDescent="0.2">
      <c r="A48" s="130" t="s">
        <v>916</v>
      </c>
      <c r="B48" s="64" t="s">
        <v>955</v>
      </c>
      <c r="C48" s="6" t="s">
        <v>1005</v>
      </c>
      <c r="D48" s="53" t="s">
        <v>71</v>
      </c>
      <c r="E48" s="126"/>
      <c r="F48" s="79"/>
      <c r="G48" s="122"/>
      <c r="H48" s="79"/>
      <c r="I48" s="79"/>
      <c r="J48" s="79"/>
      <c r="K48" s="122"/>
      <c r="L48" s="79"/>
      <c r="M48" s="79"/>
      <c r="N48" s="123"/>
      <c r="O48" s="79"/>
      <c r="P48" s="79"/>
      <c r="Q48" s="79"/>
      <c r="R48" s="79"/>
      <c r="S48" s="79"/>
      <c r="T48" s="79"/>
      <c r="U48" s="75"/>
      <c r="V48" s="122"/>
      <c r="W48" s="79"/>
      <c r="X48" s="122"/>
      <c r="Y48" s="79"/>
      <c r="Z48" s="79"/>
      <c r="AA48" s="79"/>
      <c r="AB48" s="122"/>
      <c r="AC48" s="79"/>
      <c r="AD48" s="79"/>
      <c r="AE48" s="79"/>
      <c r="AF48" s="79"/>
      <c r="AG48" s="38"/>
    </row>
    <row r="49" spans="1:33" ht="35.25" customHeight="1" x14ac:dyDescent="0.2">
      <c r="A49" s="134" t="s">
        <v>916</v>
      </c>
      <c r="B49" s="64" t="s">
        <v>958</v>
      </c>
      <c r="C49" s="6" t="s">
        <v>919</v>
      </c>
      <c r="D49" s="53" t="s">
        <v>31</v>
      </c>
      <c r="E49" s="79"/>
      <c r="F49" s="75"/>
      <c r="G49" s="79"/>
      <c r="H49" s="75"/>
      <c r="I49" s="75"/>
      <c r="J49" s="75"/>
      <c r="K49" s="75"/>
      <c r="L49" s="75"/>
      <c r="M49" s="75"/>
      <c r="N49" s="75"/>
      <c r="O49" s="75"/>
      <c r="P49" s="75"/>
      <c r="Q49" s="75"/>
      <c r="R49" s="75"/>
      <c r="S49" s="75"/>
      <c r="T49" s="75"/>
      <c r="U49" s="79"/>
      <c r="V49" s="75"/>
      <c r="W49" s="75"/>
      <c r="X49" s="75"/>
      <c r="Y49" s="75"/>
      <c r="Z49" s="75"/>
      <c r="AA49" s="75"/>
      <c r="AB49" s="75"/>
      <c r="AC49" s="75"/>
      <c r="AD49" s="75"/>
      <c r="AE49" s="75"/>
      <c r="AF49" s="75"/>
      <c r="AG49" s="34"/>
    </row>
    <row r="50" spans="1:33" ht="35.25" customHeight="1" x14ac:dyDescent="0.2">
      <c r="A50" s="130" t="s">
        <v>910</v>
      </c>
      <c r="B50" s="64" t="s">
        <v>947</v>
      </c>
      <c r="C50" s="6" t="s">
        <v>1012</v>
      </c>
      <c r="D50" s="53" t="s">
        <v>32</v>
      </c>
      <c r="E50" s="121"/>
      <c r="F50" s="75"/>
      <c r="G50" s="79"/>
      <c r="H50" s="75"/>
      <c r="I50" s="75"/>
      <c r="J50" s="75"/>
      <c r="K50" s="75"/>
      <c r="L50" s="75"/>
      <c r="M50" s="75"/>
      <c r="N50" s="75"/>
      <c r="O50" s="75"/>
      <c r="P50" s="75"/>
      <c r="Q50" s="75"/>
      <c r="R50" s="75"/>
      <c r="S50" s="75"/>
      <c r="T50" s="75"/>
      <c r="U50" s="75"/>
      <c r="V50" s="75"/>
      <c r="W50" s="75"/>
      <c r="X50" s="75"/>
      <c r="Y50" s="75"/>
      <c r="Z50" s="75"/>
      <c r="AA50" s="75"/>
      <c r="AB50" s="79" t="s">
        <v>961</v>
      </c>
      <c r="AC50" s="75"/>
      <c r="AD50" s="75"/>
      <c r="AE50" s="75"/>
      <c r="AF50" s="75"/>
      <c r="AG50" s="34" t="s">
        <v>1038</v>
      </c>
    </row>
    <row r="51" spans="1:33" ht="35.25" customHeight="1" x14ac:dyDescent="0.2">
      <c r="A51" s="130" t="s">
        <v>983</v>
      </c>
      <c r="B51" s="64" t="s">
        <v>942</v>
      </c>
      <c r="C51" s="6" t="s">
        <v>1013</v>
      </c>
      <c r="D51" s="53" t="s">
        <v>32</v>
      </c>
      <c r="E51" s="126"/>
      <c r="F51" s="122"/>
      <c r="G51" s="122"/>
      <c r="H51" s="79"/>
      <c r="I51" s="79"/>
      <c r="J51" s="79"/>
      <c r="K51" s="122"/>
      <c r="L51" s="79"/>
      <c r="M51" s="79"/>
      <c r="N51" s="123"/>
      <c r="O51" s="79"/>
      <c r="P51" s="79"/>
      <c r="Q51" s="79"/>
      <c r="R51" s="79"/>
      <c r="S51" s="79"/>
      <c r="T51" s="79"/>
      <c r="U51" s="122"/>
      <c r="V51" s="122"/>
      <c r="W51" s="79"/>
      <c r="X51" s="79"/>
      <c r="Y51" s="79"/>
      <c r="Z51" s="79"/>
      <c r="AA51" s="79"/>
      <c r="AB51" s="122"/>
      <c r="AC51" s="79"/>
      <c r="AD51" s="79"/>
      <c r="AE51" s="79"/>
      <c r="AF51" s="79"/>
      <c r="AG51" s="50"/>
    </row>
    <row r="52" spans="1:33" ht="35.25" customHeight="1" x14ac:dyDescent="0.2">
      <c r="A52" s="130" t="s">
        <v>982</v>
      </c>
      <c r="B52" s="57" t="s">
        <v>1016</v>
      </c>
      <c r="C52" s="6" t="s">
        <v>1014</v>
      </c>
      <c r="D52" s="53" t="s">
        <v>33</v>
      </c>
      <c r="E52" s="121"/>
      <c r="F52" s="75"/>
      <c r="G52" s="75"/>
      <c r="H52" s="75"/>
      <c r="I52" s="75"/>
      <c r="J52" s="75"/>
      <c r="K52" s="75"/>
      <c r="L52" s="75"/>
      <c r="M52" s="75"/>
      <c r="N52" s="75"/>
      <c r="O52" s="75"/>
      <c r="P52" s="75"/>
      <c r="Q52" s="75"/>
      <c r="R52" s="75"/>
      <c r="S52" s="75"/>
      <c r="T52" s="75"/>
      <c r="U52" s="75"/>
      <c r="V52" s="75"/>
      <c r="W52" s="75"/>
      <c r="X52" s="79"/>
      <c r="Y52" s="75"/>
      <c r="Z52" s="75"/>
      <c r="AA52" s="75"/>
      <c r="AB52" s="75"/>
      <c r="AC52" s="75"/>
      <c r="AD52" s="75"/>
      <c r="AE52" s="75"/>
      <c r="AF52" s="75"/>
      <c r="AG52" s="37"/>
    </row>
    <row r="53" spans="1:33" ht="46.2" customHeight="1" x14ac:dyDescent="0.2">
      <c r="A53" s="132" t="s">
        <v>983</v>
      </c>
      <c r="B53" s="64" t="s">
        <v>319</v>
      </c>
      <c r="C53" s="6" t="s">
        <v>911</v>
      </c>
      <c r="D53" s="53" t="s">
        <v>32</v>
      </c>
      <c r="E53" s="79" t="s">
        <v>961</v>
      </c>
      <c r="F53" s="75"/>
      <c r="G53" s="79" t="s">
        <v>961</v>
      </c>
      <c r="H53" s="75"/>
      <c r="I53" s="75"/>
      <c r="J53" s="75"/>
      <c r="K53" s="75"/>
      <c r="L53" s="75"/>
      <c r="M53" s="75"/>
      <c r="N53" s="75"/>
      <c r="O53" s="75"/>
      <c r="P53" s="75"/>
      <c r="Q53" s="75"/>
      <c r="R53" s="75"/>
      <c r="S53" s="75"/>
      <c r="T53" s="75"/>
      <c r="U53" s="79" t="s">
        <v>961</v>
      </c>
      <c r="V53" s="75"/>
      <c r="W53" s="75"/>
      <c r="X53" s="75"/>
      <c r="Y53" s="75"/>
      <c r="Z53" s="75"/>
      <c r="AA53" s="75"/>
      <c r="AB53" s="75"/>
      <c r="AC53" s="75"/>
      <c r="AD53" s="79"/>
      <c r="AE53" s="75"/>
      <c r="AF53" s="75"/>
      <c r="AG53" s="49" t="s">
        <v>1039</v>
      </c>
    </row>
    <row r="54" spans="1:33" ht="35.25" customHeight="1" x14ac:dyDescent="0.2">
      <c r="A54" s="133" t="s">
        <v>983</v>
      </c>
      <c r="B54" s="57" t="s">
        <v>1017</v>
      </c>
      <c r="C54" s="6" t="s">
        <v>1014</v>
      </c>
      <c r="D54" s="53" t="s">
        <v>33</v>
      </c>
      <c r="E54" s="75"/>
      <c r="F54" s="75"/>
      <c r="G54" s="75"/>
      <c r="H54" s="75"/>
      <c r="I54" s="75"/>
      <c r="J54" s="75"/>
      <c r="K54" s="75"/>
      <c r="L54" s="75"/>
      <c r="M54" s="75"/>
      <c r="N54" s="75"/>
      <c r="O54" s="75"/>
      <c r="P54" s="75"/>
      <c r="Q54" s="75"/>
      <c r="R54" s="75"/>
      <c r="S54" s="75"/>
      <c r="T54" s="75"/>
      <c r="U54" s="75"/>
      <c r="V54" s="75"/>
      <c r="W54" s="75"/>
      <c r="X54" s="75"/>
      <c r="Y54" s="75"/>
      <c r="Z54" s="75"/>
      <c r="AA54" s="75"/>
      <c r="AB54" s="75"/>
      <c r="AC54" s="75"/>
      <c r="AD54" s="75"/>
      <c r="AE54" s="75"/>
      <c r="AF54" s="75"/>
      <c r="AG54" s="34"/>
    </row>
    <row r="55" spans="1:33" ht="35.25" customHeight="1" x14ac:dyDescent="0.2">
      <c r="A55" s="129" t="s">
        <v>983</v>
      </c>
      <c r="B55" s="64" t="s">
        <v>959</v>
      </c>
      <c r="C55" s="6" t="s">
        <v>1015</v>
      </c>
      <c r="D55" s="53" t="s">
        <v>71</v>
      </c>
      <c r="E55" s="75"/>
      <c r="F55" s="75"/>
      <c r="G55" s="75"/>
      <c r="H55" s="75"/>
      <c r="I55" s="75"/>
      <c r="J55" s="75"/>
      <c r="K55" s="75"/>
      <c r="L55" s="75"/>
      <c r="M55" s="75"/>
      <c r="N55" s="75"/>
      <c r="O55" s="75"/>
      <c r="P55" s="75"/>
      <c r="Q55" s="75"/>
      <c r="R55" s="75"/>
      <c r="S55" s="75"/>
      <c r="T55" s="75"/>
      <c r="U55" s="75"/>
      <c r="V55" s="75"/>
      <c r="W55" s="75"/>
      <c r="X55" s="75"/>
      <c r="Y55" s="75"/>
      <c r="Z55" s="75"/>
      <c r="AA55" s="75"/>
      <c r="AB55" s="75"/>
      <c r="AC55" s="75"/>
      <c r="AD55" s="75"/>
      <c r="AE55" s="75"/>
      <c r="AF55" s="75"/>
      <c r="AG55" s="34"/>
    </row>
    <row r="56" spans="1:33" ht="25.2" customHeight="1" x14ac:dyDescent="0.2">
      <c r="A56" s="42"/>
      <c r="B56" s="118"/>
      <c r="C56" s="71"/>
      <c r="D56" s="119"/>
      <c r="E56" s="75"/>
      <c r="F56" s="75"/>
      <c r="G56" s="122"/>
      <c r="H56" s="75"/>
      <c r="I56" s="75"/>
      <c r="J56" s="75"/>
      <c r="K56" s="75"/>
      <c r="L56" s="75"/>
      <c r="M56" s="75"/>
      <c r="N56" s="75"/>
      <c r="O56" s="75"/>
      <c r="P56" s="75"/>
      <c r="Q56" s="75"/>
      <c r="R56" s="75"/>
      <c r="S56" s="75"/>
      <c r="T56" s="75"/>
      <c r="U56" s="122"/>
      <c r="V56" s="75"/>
      <c r="W56" s="75"/>
      <c r="X56" s="75"/>
      <c r="Y56" s="75"/>
      <c r="Z56" s="75"/>
      <c r="AA56" s="75"/>
      <c r="AB56" s="75"/>
      <c r="AC56" s="75"/>
      <c r="AD56" s="75"/>
      <c r="AE56" s="75"/>
      <c r="AF56" s="75"/>
      <c r="AG56" s="34"/>
    </row>
    <row r="57" spans="1:33" ht="25.2" customHeight="1" x14ac:dyDescent="0.2">
      <c r="A57" s="42"/>
      <c r="B57" s="118"/>
      <c r="C57" s="71"/>
      <c r="D57" s="119"/>
      <c r="E57" s="126"/>
      <c r="F57" s="79"/>
      <c r="G57" s="122"/>
      <c r="H57" s="79"/>
      <c r="I57" s="79"/>
      <c r="J57" s="79"/>
      <c r="K57" s="122"/>
      <c r="L57" s="79"/>
      <c r="M57" s="79"/>
      <c r="N57" s="123"/>
      <c r="O57" s="79"/>
      <c r="P57" s="79"/>
      <c r="Q57" s="79"/>
      <c r="R57" s="79"/>
      <c r="S57" s="79"/>
      <c r="T57" s="79"/>
      <c r="U57" s="122"/>
      <c r="V57" s="75"/>
      <c r="W57" s="79"/>
      <c r="X57" s="122"/>
      <c r="Y57" s="79"/>
      <c r="Z57" s="79"/>
      <c r="AA57" s="79"/>
      <c r="AB57" s="122"/>
      <c r="AC57" s="79"/>
      <c r="AD57" s="79"/>
      <c r="AE57" s="79"/>
      <c r="AF57" s="79"/>
      <c r="AG57" s="35"/>
    </row>
    <row r="58" spans="1:33" ht="25.2" customHeight="1" x14ac:dyDescent="0.2">
      <c r="A58" s="36"/>
      <c r="B58" s="118"/>
      <c r="C58" s="71"/>
      <c r="D58" s="119"/>
      <c r="E58" s="75"/>
      <c r="F58" s="75"/>
      <c r="G58" s="75"/>
      <c r="H58" s="75"/>
      <c r="I58" s="75"/>
      <c r="J58" s="75"/>
      <c r="K58" s="75"/>
      <c r="L58" s="75"/>
      <c r="M58" s="75"/>
      <c r="N58" s="75"/>
      <c r="O58" s="75"/>
      <c r="P58" s="75"/>
      <c r="Q58" s="75"/>
      <c r="R58" s="75"/>
      <c r="S58" s="75"/>
      <c r="T58" s="75"/>
      <c r="U58" s="75"/>
      <c r="V58" s="75"/>
      <c r="W58" s="75"/>
      <c r="X58" s="75"/>
      <c r="Y58" s="75"/>
      <c r="Z58" s="75"/>
      <c r="AA58" s="75"/>
      <c r="AB58" s="75"/>
      <c r="AC58" s="75"/>
      <c r="AD58" s="75"/>
      <c r="AE58" s="75"/>
      <c r="AF58" s="79"/>
      <c r="AG58" s="34"/>
    </row>
    <row r="59" spans="1:33" ht="25.2" customHeight="1" x14ac:dyDescent="0.2">
      <c r="A59" s="39"/>
      <c r="B59" s="118"/>
      <c r="C59" s="71"/>
      <c r="D59" s="119"/>
      <c r="E59" s="79"/>
      <c r="F59" s="75"/>
      <c r="G59" s="79"/>
      <c r="H59" s="75"/>
      <c r="I59" s="75"/>
      <c r="J59" s="75"/>
      <c r="K59" s="75"/>
      <c r="L59" s="75"/>
      <c r="M59" s="75"/>
      <c r="N59" s="75"/>
      <c r="O59" s="75"/>
      <c r="P59" s="75"/>
      <c r="Q59" s="75"/>
      <c r="R59" s="75"/>
      <c r="S59" s="75"/>
      <c r="T59" s="75"/>
      <c r="U59" s="79"/>
      <c r="V59" s="75"/>
      <c r="W59" s="75"/>
      <c r="X59" s="75"/>
      <c r="Y59" s="75"/>
      <c r="Z59" s="75"/>
      <c r="AA59" s="75"/>
      <c r="AB59" s="75"/>
      <c r="AC59" s="75"/>
      <c r="AD59" s="75"/>
      <c r="AE59" s="75"/>
      <c r="AF59" s="75"/>
      <c r="AG59" s="35"/>
    </row>
    <row r="60" spans="1:33" ht="25.2" customHeight="1" x14ac:dyDescent="0.2">
      <c r="A60" s="72"/>
      <c r="B60" s="118"/>
      <c r="C60" s="71"/>
      <c r="D60" s="119"/>
      <c r="E60" s="121"/>
      <c r="F60" s="75"/>
      <c r="G60" s="79"/>
      <c r="H60" s="75"/>
      <c r="I60" s="75"/>
      <c r="J60" s="75"/>
      <c r="K60" s="75"/>
      <c r="L60" s="75"/>
      <c r="M60" s="75"/>
      <c r="N60" s="75"/>
      <c r="O60" s="75"/>
      <c r="P60" s="75"/>
      <c r="Q60" s="79"/>
      <c r="R60" s="75"/>
      <c r="S60" s="75"/>
      <c r="T60" s="75"/>
      <c r="U60" s="75"/>
      <c r="V60" s="75"/>
      <c r="W60" s="75"/>
      <c r="X60" s="75"/>
      <c r="Y60" s="75"/>
      <c r="Z60" s="75"/>
      <c r="AA60" s="75"/>
      <c r="AB60" s="75"/>
      <c r="AC60" s="75"/>
      <c r="AD60" s="75"/>
      <c r="AE60" s="75"/>
      <c r="AF60" s="75"/>
      <c r="AG60" s="34"/>
    </row>
    <row r="61" spans="1:33" ht="25.2" customHeight="1" x14ac:dyDescent="0.2">
      <c r="A61" s="42"/>
      <c r="B61" s="118"/>
      <c r="C61" s="124"/>
      <c r="D61" s="119"/>
      <c r="E61" s="121"/>
      <c r="F61" s="75"/>
      <c r="G61" s="75"/>
      <c r="H61" s="75"/>
      <c r="I61" s="75"/>
      <c r="J61" s="75"/>
      <c r="K61" s="75"/>
      <c r="L61" s="75"/>
      <c r="M61" s="75"/>
      <c r="N61" s="75"/>
      <c r="O61" s="75"/>
      <c r="P61" s="75"/>
      <c r="Q61" s="79"/>
      <c r="R61" s="75"/>
      <c r="S61" s="75"/>
      <c r="T61" s="75"/>
      <c r="U61" s="75"/>
      <c r="V61" s="75"/>
      <c r="W61" s="75"/>
      <c r="X61" s="75"/>
      <c r="Y61" s="75"/>
      <c r="Z61" s="75"/>
      <c r="AA61" s="75"/>
      <c r="AB61" s="75"/>
      <c r="AC61" s="75"/>
      <c r="AD61" s="75"/>
      <c r="AE61" s="75"/>
      <c r="AF61" s="75"/>
      <c r="AG61" s="34"/>
    </row>
    <row r="62" spans="1:33" ht="25.2" customHeight="1" x14ac:dyDescent="0.2">
      <c r="A62" s="41"/>
      <c r="B62" s="118"/>
      <c r="C62" s="71"/>
      <c r="D62" s="119"/>
      <c r="E62" s="79"/>
      <c r="F62" s="122"/>
      <c r="G62" s="79"/>
      <c r="H62" s="79"/>
      <c r="I62" s="79"/>
      <c r="J62" s="79"/>
      <c r="K62" s="122"/>
      <c r="L62" s="79"/>
      <c r="M62" s="79"/>
      <c r="N62" s="123"/>
      <c r="O62" s="79"/>
      <c r="P62" s="79"/>
      <c r="Q62" s="79"/>
      <c r="R62" s="79"/>
      <c r="S62" s="79"/>
      <c r="T62" s="79"/>
      <c r="U62" s="79"/>
      <c r="V62" s="122"/>
      <c r="W62" s="79"/>
      <c r="X62" s="79"/>
      <c r="Y62" s="79"/>
      <c r="Z62" s="79"/>
      <c r="AA62" s="79"/>
      <c r="AB62" s="122"/>
      <c r="AC62" s="79"/>
      <c r="AD62" s="79"/>
      <c r="AE62" s="79"/>
      <c r="AF62" s="79"/>
      <c r="AG62" s="38"/>
    </row>
    <row r="63" spans="1:33" ht="25.2" customHeight="1" x14ac:dyDescent="0.2">
      <c r="A63" s="45"/>
      <c r="B63" s="118"/>
      <c r="C63" s="71"/>
      <c r="D63" s="119"/>
      <c r="E63" s="75"/>
      <c r="F63" s="75"/>
      <c r="G63" s="75"/>
      <c r="H63" s="75"/>
      <c r="I63" s="75"/>
      <c r="J63" s="75"/>
      <c r="K63" s="75"/>
      <c r="L63" s="75"/>
      <c r="M63" s="75"/>
      <c r="N63" s="75"/>
      <c r="O63" s="75"/>
      <c r="P63" s="75"/>
      <c r="Q63" s="75"/>
      <c r="R63" s="75"/>
      <c r="S63" s="75"/>
      <c r="T63" s="75"/>
      <c r="U63" s="75"/>
      <c r="V63" s="75"/>
      <c r="W63" s="75"/>
      <c r="X63" s="75"/>
      <c r="Y63" s="75"/>
      <c r="Z63" s="75"/>
      <c r="AA63" s="75"/>
      <c r="AB63" s="75"/>
      <c r="AC63" s="75"/>
      <c r="AD63" s="75"/>
      <c r="AE63" s="75"/>
      <c r="AF63" s="75"/>
      <c r="AG63" s="34"/>
    </row>
    <row r="64" spans="1:33" ht="25.2" customHeight="1" x14ac:dyDescent="0.2">
      <c r="A64" s="42"/>
      <c r="B64" s="118"/>
      <c r="C64" s="71"/>
      <c r="D64" s="119"/>
      <c r="E64" s="75"/>
      <c r="F64" s="75"/>
      <c r="G64" s="75"/>
      <c r="H64" s="75"/>
      <c r="I64" s="75"/>
      <c r="J64" s="75"/>
      <c r="K64" s="75"/>
      <c r="L64" s="75"/>
      <c r="M64" s="75"/>
      <c r="N64" s="75"/>
      <c r="O64" s="75"/>
      <c r="P64" s="75"/>
      <c r="Q64" s="75"/>
      <c r="R64" s="75"/>
      <c r="S64" s="75"/>
      <c r="T64" s="75"/>
      <c r="U64" s="75"/>
      <c r="V64" s="75"/>
      <c r="W64" s="75"/>
      <c r="X64" s="75"/>
      <c r="Y64" s="75"/>
      <c r="Z64" s="75"/>
      <c r="AA64" s="75"/>
      <c r="AB64" s="75"/>
      <c r="AC64" s="75"/>
      <c r="AD64" s="75"/>
      <c r="AE64" s="75"/>
      <c r="AF64" s="75"/>
      <c r="AG64" s="34"/>
    </row>
    <row r="65" spans="1:33" ht="25.2" customHeight="1" x14ac:dyDescent="0.2">
      <c r="A65" s="45"/>
      <c r="B65" s="118"/>
      <c r="C65" s="71"/>
      <c r="D65" s="119"/>
      <c r="E65" s="75"/>
      <c r="F65" s="75"/>
      <c r="G65" s="75"/>
      <c r="H65" s="75"/>
      <c r="I65" s="75"/>
      <c r="J65" s="75"/>
      <c r="K65" s="75"/>
      <c r="L65" s="75"/>
      <c r="M65" s="75"/>
      <c r="N65" s="75"/>
      <c r="O65" s="75"/>
      <c r="P65" s="75"/>
      <c r="Q65" s="75"/>
      <c r="R65" s="75"/>
      <c r="S65" s="75"/>
      <c r="T65" s="75"/>
      <c r="U65" s="75"/>
      <c r="V65" s="75"/>
      <c r="W65" s="75"/>
      <c r="X65" s="75"/>
      <c r="Y65" s="75"/>
      <c r="Z65" s="75"/>
      <c r="AA65" s="75"/>
      <c r="AB65" s="75"/>
      <c r="AC65" s="75"/>
      <c r="AD65" s="75"/>
      <c r="AE65" s="75"/>
      <c r="AF65" s="75"/>
      <c r="AG65" s="34"/>
    </row>
    <row r="66" spans="1:33" ht="25.2" customHeight="1" x14ac:dyDescent="0.2">
      <c r="A66" s="42"/>
      <c r="B66" s="118"/>
      <c r="C66" s="71"/>
      <c r="D66" s="119"/>
      <c r="E66" s="75"/>
      <c r="F66" s="75"/>
      <c r="G66" s="75"/>
      <c r="H66" s="75"/>
      <c r="I66" s="75"/>
      <c r="J66" s="75"/>
      <c r="K66" s="75"/>
      <c r="L66" s="75"/>
      <c r="M66" s="75"/>
      <c r="N66" s="75"/>
      <c r="O66" s="75"/>
      <c r="P66" s="75"/>
      <c r="Q66" s="75"/>
      <c r="R66" s="75"/>
      <c r="S66" s="75"/>
      <c r="T66" s="75"/>
      <c r="U66" s="75"/>
      <c r="V66" s="75"/>
      <c r="W66" s="75"/>
      <c r="X66" s="79"/>
      <c r="Y66" s="75"/>
      <c r="Z66" s="75"/>
      <c r="AA66" s="75"/>
      <c r="AB66" s="75"/>
      <c r="AC66" s="75"/>
      <c r="AD66" s="75"/>
      <c r="AE66" s="75"/>
      <c r="AF66" s="75"/>
      <c r="AG66" s="34"/>
    </row>
    <row r="67" spans="1:33" ht="25.2" customHeight="1" x14ac:dyDescent="0.2">
      <c r="A67" s="42"/>
      <c r="B67" s="118"/>
      <c r="C67" s="71"/>
      <c r="D67" s="125"/>
      <c r="E67" s="122"/>
      <c r="F67" s="79"/>
      <c r="G67" s="75"/>
      <c r="H67" s="79"/>
      <c r="I67" s="79"/>
      <c r="J67" s="79"/>
      <c r="K67" s="79"/>
      <c r="L67" s="79"/>
      <c r="M67" s="79"/>
      <c r="N67" s="79"/>
      <c r="O67" s="79"/>
      <c r="P67" s="79"/>
      <c r="Q67" s="79"/>
      <c r="R67" s="79"/>
      <c r="S67" s="79"/>
      <c r="T67" s="79"/>
      <c r="U67" s="75"/>
      <c r="V67" s="123"/>
      <c r="W67" s="79"/>
      <c r="X67" s="79"/>
      <c r="Y67" s="79"/>
      <c r="Z67" s="79"/>
      <c r="AA67" s="79"/>
      <c r="AB67" s="79"/>
      <c r="AC67" s="79"/>
      <c r="AD67" s="79"/>
      <c r="AE67" s="79"/>
      <c r="AF67" s="79"/>
      <c r="AG67" s="43"/>
    </row>
    <row r="68" spans="1:33" ht="25.2" customHeight="1" x14ac:dyDescent="0.2">
      <c r="A68" s="42"/>
      <c r="B68" s="118"/>
      <c r="C68" s="71"/>
      <c r="D68" s="119"/>
      <c r="E68" s="121"/>
      <c r="F68" s="75"/>
      <c r="G68" s="75"/>
      <c r="H68" s="75"/>
      <c r="I68" s="75"/>
      <c r="J68" s="75"/>
      <c r="K68" s="75"/>
      <c r="L68" s="75"/>
      <c r="M68" s="75"/>
      <c r="N68" s="75"/>
      <c r="O68" s="75"/>
      <c r="P68" s="75"/>
      <c r="Q68" s="75"/>
      <c r="R68" s="75"/>
      <c r="S68" s="75"/>
      <c r="T68" s="75"/>
      <c r="U68" s="79"/>
      <c r="V68" s="75"/>
      <c r="W68" s="75"/>
      <c r="X68" s="75"/>
      <c r="Y68" s="75"/>
      <c r="Z68" s="75"/>
      <c r="AA68" s="75"/>
      <c r="AB68" s="75"/>
      <c r="AC68" s="75"/>
      <c r="AD68" s="75"/>
      <c r="AE68" s="75"/>
      <c r="AF68" s="75"/>
      <c r="AG68" s="35"/>
    </row>
    <row r="69" spans="1:33" ht="25.2" customHeight="1" x14ac:dyDescent="0.2">
      <c r="A69" s="42"/>
      <c r="B69" s="118"/>
      <c r="C69" s="71"/>
      <c r="D69" s="119"/>
      <c r="E69" s="75"/>
      <c r="F69" s="75"/>
      <c r="G69" s="75"/>
      <c r="H69" s="75"/>
      <c r="I69" s="75"/>
      <c r="J69" s="75"/>
      <c r="K69" s="75"/>
      <c r="L69" s="75"/>
      <c r="M69" s="75"/>
      <c r="N69" s="75"/>
      <c r="O69" s="75"/>
      <c r="P69" s="75"/>
      <c r="Q69" s="75"/>
      <c r="R69" s="75"/>
      <c r="S69" s="75"/>
      <c r="T69" s="75"/>
      <c r="U69" s="75"/>
      <c r="V69" s="75"/>
      <c r="W69" s="75"/>
      <c r="X69" s="79"/>
      <c r="Y69" s="75"/>
      <c r="Z69" s="75"/>
      <c r="AA69" s="75"/>
      <c r="AB69" s="75"/>
      <c r="AC69" s="75"/>
      <c r="AD69" s="75"/>
      <c r="AE69" s="75"/>
      <c r="AF69" s="75"/>
      <c r="AG69" s="38"/>
    </row>
    <row r="70" spans="1:33" ht="25.2" customHeight="1" x14ac:dyDescent="0.2">
      <c r="A70" s="45"/>
      <c r="B70" s="118"/>
      <c r="C70" s="71"/>
      <c r="D70" s="119"/>
      <c r="E70" s="75"/>
      <c r="F70" s="75"/>
      <c r="G70" s="75"/>
      <c r="H70" s="75"/>
      <c r="I70" s="75"/>
      <c r="J70" s="75"/>
      <c r="K70" s="75"/>
      <c r="L70" s="75"/>
      <c r="M70" s="75"/>
      <c r="N70" s="75"/>
      <c r="O70" s="75"/>
      <c r="P70" s="75"/>
      <c r="Q70" s="75"/>
      <c r="R70" s="75"/>
      <c r="S70" s="75"/>
      <c r="T70" s="75"/>
      <c r="U70" s="75"/>
      <c r="V70" s="75"/>
      <c r="W70" s="75"/>
      <c r="X70" s="75"/>
      <c r="Y70" s="75"/>
      <c r="Z70" s="75"/>
      <c r="AA70" s="75"/>
      <c r="AB70" s="75"/>
      <c r="AC70" s="75"/>
      <c r="AD70" s="75"/>
      <c r="AE70" s="75"/>
      <c r="AF70" s="75"/>
      <c r="AG70" s="37"/>
    </row>
    <row r="71" spans="1:33" ht="25.2" customHeight="1" x14ac:dyDescent="0.2">
      <c r="A71" s="42"/>
      <c r="B71" s="118"/>
      <c r="C71" s="71"/>
      <c r="D71" s="119"/>
      <c r="E71" s="120"/>
      <c r="F71" s="79"/>
      <c r="G71" s="122"/>
      <c r="H71" s="79"/>
      <c r="I71" s="79"/>
      <c r="J71" s="79"/>
      <c r="K71" s="79"/>
      <c r="L71" s="79"/>
      <c r="M71" s="79"/>
      <c r="N71" s="79"/>
      <c r="O71" s="79"/>
      <c r="P71" s="79"/>
      <c r="Q71" s="79"/>
      <c r="R71" s="79"/>
      <c r="S71" s="79"/>
      <c r="T71" s="79"/>
      <c r="U71" s="122"/>
      <c r="V71" s="79"/>
      <c r="W71" s="79"/>
      <c r="X71" s="79"/>
      <c r="Y71" s="123"/>
      <c r="Z71" s="79"/>
      <c r="AA71" s="79"/>
      <c r="AB71" s="122"/>
      <c r="AC71" s="79"/>
      <c r="AD71" s="79"/>
      <c r="AE71" s="79"/>
      <c r="AF71" s="79"/>
      <c r="AG71" s="38"/>
    </row>
    <row r="72" spans="1:33" ht="25.2" customHeight="1" x14ac:dyDescent="0.2">
      <c r="A72" s="42"/>
      <c r="B72" s="118"/>
      <c r="C72" s="71"/>
      <c r="D72" s="119"/>
      <c r="E72" s="126"/>
      <c r="F72" s="122"/>
      <c r="G72" s="122"/>
      <c r="H72" s="79"/>
      <c r="I72" s="79"/>
      <c r="J72" s="79"/>
      <c r="K72" s="122"/>
      <c r="L72" s="79"/>
      <c r="M72" s="79"/>
      <c r="N72" s="123"/>
      <c r="O72" s="79"/>
      <c r="P72" s="79"/>
      <c r="Q72" s="79"/>
      <c r="R72" s="79"/>
      <c r="S72" s="79"/>
      <c r="T72" s="79"/>
      <c r="U72" s="122"/>
      <c r="V72" s="122"/>
      <c r="W72" s="79"/>
      <c r="X72" s="79"/>
      <c r="Y72" s="79"/>
      <c r="Z72" s="79"/>
      <c r="AA72" s="79"/>
      <c r="AB72" s="122"/>
      <c r="AC72" s="79"/>
      <c r="AD72" s="79"/>
      <c r="AE72" s="79"/>
      <c r="AF72" s="79"/>
      <c r="AG72" s="38"/>
    </row>
    <row r="73" spans="1:33" ht="25.2" customHeight="1" x14ac:dyDescent="0.2">
      <c r="A73" s="39"/>
      <c r="B73" s="118"/>
      <c r="C73" s="71"/>
      <c r="D73" s="119"/>
      <c r="E73" s="75"/>
      <c r="F73" s="75"/>
      <c r="G73" s="75"/>
      <c r="H73" s="75"/>
      <c r="I73" s="75"/>
      <c r="J73" s="75"/>
      <c r="K73" s="75"/>
      <c r="L73" s="75"/>
      <c r="M73" s="75"/>
      <c r="N73" s="75"/>
      <c r="O73" s="75"/>
      <c r="P73" s="75"/>
      <c r="Q73" s="75"/>
      <c r="R73" s="75"/>
      <c r="S73" s="75"/>
      <c r="T73" s="75"/>
      <c r="U73" s="79"/>
      <c r="V73" s="79"/>
      <c r="W73" s="75"/>
      <c r="X73" s="75"/>
      <c r="Y73" s="75"/>
      <c r="Z73" s="75"/>
      <c r="AA73" s="75"/>
      <c r="AB73" s="75"/>
      <c r="AC73" s="75"/>
      <c r="AD73" s="75"/>
      <c r="AE73" s="75"/>
      <c r="AF73" s="75"/>
      <c r="AG73" s="49"/>
    </row>
    <row r="74" spans="1:33" ht="25.2" customHeight="1" x14ac:dyDescent="0.2">
      <c r="A74" s="36"/>
      <c r="B74" s="118"/>
      <c r="C74" s="71"/>
      <c r="D74" s="119"/>
      <c r="E74" s="75"/>
      <c r="F74" s="75"/>
      <c r="G74" s="75"/>
      <c r="H74" s="75"/>
      <c r="I74" s="75"/>
      <c r="J74" s="75"/>
      <c r="K74" s="75"/>
      <c r="L74" s="75"/>
      <c r="M74" s="75"/>
      <c r="N74" s="75"/>
      <c r="O74" s="75"/>
      <c r="P74" s="75"/>
      <c r="Q74" s="75"/>
      <c r="R74" s="75"/>
      <c r="S74" s="75"/>
      <c r="T74" s="75"/>
      <c r="U74" s="75"/>
      <c r="V74" s="79"/>
      <c r="W74" s="75"/>
      <c r="X74" s="75"/>
      <c r="Y74" s="75"/>
      <c r="Z74" s="75"/>
      <c r="AA74" s="75"/>
      <c r="AB74" s="75"/>
      <c r="AC74" s="75"/>
      <c r="AD74" s="75"/>
      <c r="AE74" s="75"/>
      <c r="AF74" s="75"/>
      <c r="AG74" s="48"/>
    </row>
    <row r="75" spans="1:33" ht="25.2" customHeight="1" x14ac:dyDescent="0.2">
      <c r="A75" s="42"/>
      <c r="B75" s="118"/>
      <c r="C75" s="71"/>
      <c r="D75" s="119"/>
      <c r="E75" s="121"/>
      <c r="F75" s="75"/>
      <c r="G75" s="75"/>
      <c r="H75" s="75"/>
      <c r="I75" s="75"/>
      <c r="J75" s="75"/>
      <c r="K75" s="75"/>
      <c r="L75" s="75"/>
      <c r="M75" s="75"/>
      <c r="N75" s="75"/>
      <c r="O75" s="75"/>
      <c r="P75" s="75"/>
      <c r="Q75" s="75"/>
      <c r="R75" s="75"/>
      <c r="S75" s="75"/>
      <c r="T75" s="75"/>
      <c r="U75" s="75"/>
      <c r="V75" s="79"/>
      <c r="W75" s="75"/>
      <c r="X75" s="75"/>
      <c r="Y75" s="75"/>
      <c r="Z75" s="75"/>
      <c r="AA75" s="75"/>
      <c r="AB75" s="75"/>
      <c r="AC75" s="75"/>
      <c r="AD75" s="75"/>
      <c r="AE75" s="75"/>
      <c r="AF75" s="75"/>
      <c r="AG75" s="34"/>
    </row>
    <row r="76" spans="1:33" ht="25.2" customHeight="1" x14ac:dyDescent="0.2">
      <c r="A76" s="42"/>
      <c r="B76" s="118"/>
      <c r="C76" s="71"/>
      <c r="D76" s="119"/>
      <c r="E76" s="121"/>
      <c r="F76" s="75"/>
      <c r="G76" s="75"/>
      <c r="H76" s="75"/>
      <c r="I76" s="75"/>
      <c r="J76" s="75"/>
      <c r="K76" s="75"/>
      <c r="L76" s="75"/>
      <c r="M76" s="75"/>
      <c r="N76" s="75"/>
      <c r="O76" s="75"/>
      <c r="P76" s="75"/>
      <c r="Q76" s="75"/>
      <c r="R76" s="75"/>
      <c r="S76" s="75"/>
      <c r="T76" s="75"/>
      <c r="U76" s="79"/>
      <c r="V76" s="75"/>
      <c r="W76" s="75"/>
      <c r="X76" s="75"/>
      <c r="Y76" s="75"/>
      <c r="Z76" s="75"/>
      <c r="AA76" s="75"/>
      <c r="AB76" s="75"/>
      <c r="AC76" s="75"/>
      <c r="AD76" s="75"/>
      <c r="AE76" s="75"/>
      <c r="AF76" s="75"/>
      <c r="AG76" s="49"/>
    </row>
  </sheetData>
  <autoFilter ref="D1:AF119"/>
  <mergeCells count="6">
    <mergeCell ref="AG2:AG3"/>
    <mergeCell ref="A2:A3"/>
    <mergeCell ref="B2:B3"/>
    <mergeCell ref="C2:C3"/>
    <mergeCell ref="D2:D3"/>
    <mergeCell ref="E2:AF2"/>
  </mergeCells>
  <phoneticPr fontId="3"/>
  <printOptions horizontalCentered="1"/>
  <pageMargins left="0.51181102362204722" right="0.51181102362204722" top="0.59055118110236227" bottom="0.6692913385826772" header="0.23622047244094491" footer="0.19685039370078741"/>
  <pageSetup paperSize="9" scale="76" fitToHeight="0" orientation="landscape" horizontalDpi="300" verticalDpi="300" r:id="rId1"/>
  <headerFooter alignWithMargins="0">
    <oddHeader>&amp;R&amp;"ＭＳ Ｐゴシック,太字"&amp;U※この一覧表は９月まで使用しますので、ご家庭で大切に保管してください&amp;"ＭＳ Ｐゴシック,標準"&amp;U。</oddHeader>
    <oddFooter xml:space="preserve">&amp;L※各学校・調理場によって、献立が異なる場合があるため、該当するブロックの献立には使用していない物資も掲載されています。詳しくはお問い合わせください。
※コンタミネーションなど注意を要する場合は、お問い合わせください。
※海産物（魚・貝・海藻）については、えび、かにを食べている場合や、採取時にえび、かにが混ざる恐れがあります。
※この表は、物資取り扱い業者から提示のあった資料に基づき作成しています。　 </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9</vt:i4>
      </vt:variant>
    </vt:vector>
  </HeadingPairs>
  <TitlesOfParts>
    <vt:vector size="14" baseType="lpstr">
      <vt:lpstr>2月分(決裁用)  </vt:lpstr>
      <vt:lpstr>年間 (野菜豆腐類)</vt:lpstr>
      <vt:lpstr>年間（決裁) </vt:lpstr>
      <vt:lpstr>４月分(決裁用) </vt:lpstr>
      <vt:lpstr>5～9月アレルゲン</vt:lpstr>
      <vt:lpstr>'2月分(決裁用)  '!Print_Area</vt:lpstr>
      <vt:lpstr>'４月分(決裁用) '!Print_Area</vt:lpstr>
      <vt:lpstr>'5～9月アレルゲン'!Print_Area</vt:lpstr>
      <vt:lpstr>'年間 (野菜豆腐類)'!Print_Area</vt:lpstr>
      <vt:lpstr>'年間（決裁) '!Print_Area</vt:lpstr>
      <vt:lpstr>'2月分(決裁用)  '!Print_Titles</vt:lpstr>
      <vt:lpstr>'４月分(決裁用) '!Print_Titles</vt:lpstr>
      <vt:lpstr>'5～9月アレルゲン'!Print_Titles</vt:lpstr>
      <vt:lpstr>'年間（決裁) '!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URODA</dc:creator>
  <cp:lastModifiedBy>平田 幸子</cp:lastModifiedBy>
  <cp:lastPrinted>2024-04-11T04:12:18Z</cp:lastPrinted>
  <dcterms:created xsi:type="dcterms:W3CDTF">2016-03-09T02:10:07Z</dcterms:created>
  <dcterms:modified xsi:type="dcterms:W3CDTF">2024-04-22T02:46:36Z</dcterms:modified>
</cp:coreProperties>
</file>